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1_556. Digitálny RTG prístroj so stropným závesom\03. Príprava\05. PTK_2\02. Odoslanie PTK II\"/>
    </mc:Choice>
  </mc:AlternateContent>
  <bookViews>
    <workbookView xWindow="-120" yWindow="-120" windowWidth="24240" windowHeight="13140"/>
  </bookViews>
  <sheets>
    <sheet name="Cenová ponuka" sheetId="8" r:id="rId1"/>
  </sheets>
  <definedNames>
    <definedName name="_xlnm.Print_Area" localSheetId="0">'Cenová ponuka'!$A$1:$G$18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4" uniqueCount="293">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Príloha č. 1</t>
  </si>
  <si>
    <t xml:space="preserve">3.1.a)  Rozdelenie na časti: </t>
  </si>
  <si>
    <t>3.1.b)  Zoznam položiek:</t>
  </si>
  <si>
    <t>Poradové číslo</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 xml:space="preserve">Požadované minimálne osobitné požiadavky na predmet zákazky:
</t>
  </si>
  <si>
    <t>Hodnota parametra</t>
  </si>
  <si>
    <t>Minimum</t>
  </si>
  <si>
    <t>Maximum</t>
  </si>
  <si>
    <t xml:space="preserve">Digitálny RTG prístroj so stropným závesom </t>
  </si>
  <si>
    <t>Digitálny RTG prístroj so stropným závesom slúži na vyšetrenie pacientov v ľahu v stoji a na lôžku.</t>
  </si>
  <si>
    <t xml:space="preserve">Položka č.1 - Digitálny RTG prístroj so stropným závesom </t>
  </si>
  <si>
    <t>1. Základné údaje</t>
  </si>
  <si>
    <t>Digitálny RTG prístroj so stropným závesom</t>
  </si>
  <si>
    <t>0,6 mm</t>
  </si>
  <si>
    <t>Veľkosť malého ohniska:</t>
  </si>
  <si>
    <t>Veľkosť veľkého ohniska:</t>
  </si>
  <si>
    <t>300 kHU</t>
  </si>
  <si>
    <t>Stropný záves RTG žiariča na koľajniciach s voľným pohybom po vyšetrovacej miestnosti</t>
  </si>
  <si>
    <t>3000 mm</t>
  </si>
  <si>
    <t>Vertikálna rotácia RTG lampy:</t>
  </si>
  <si>
    <t>33111000-1 - Röntgenové prístroje</t>
  </si>
  <si>
    <r>
      <t>Potvrdenie ŠÚKL (</t>
    </r>
    <r>
      <rPr>
        <sz val="10"/>
        <color theme="1"/>
        <rFont val="Arial"/>
        <family val="2"/>
        <charset val="238"/>
      </rPr>
      <t xml:space="preserve">výstup z databázy registrovaných/evidovaných zdravotníckych pomôcok), resp. iné doklady, ktoré nahrádzajú požadované potvrdenie. </t>
    </r>
  </si>
  <si>
    <t>6.4</t>
  </si>
  <si>
    <r>
      <rPr>
        <b/>
        <sz val="10"/>
        <color theme="1"/>
        <rFont val="Arial"/>
        <family val="2"/>
        <charset val="238"/>
      </rPr>
      <t>Povolenie na dovoz, vývoz, predaj a distribúciu zdrojov ionizujúceho žiarenia</t>
    </r>
    <r>
      <rPr>
        <sz val="10"/>
        <color theme="1"/>
        <rFont val="Arial"/>
        <family val="2"/>
        <charset val="238"/>
      </rPr>
      <t xml:space="preserve">. Rovnako ako aj </t>
    </r>
    <r>
      <rPr>
        <b/>
        <sz val="10"/>
        <color theme="1"/>
        <rFont val="Arial"/>
        <family val="2"/>
        <charset val="238"/>
      </rPr>
      <t>povolenie na inštaláciu a servis zdrojov ionizujúceho žiarenia</t>
    </r>
    <r>
      <rPr>
        <sz val="10"/>
        <color theme="1"/>
        <rFont val="Arial"/>
        <family val="2"/>
        <charset val="238"/>
      </rPr>
      <t>, vydané Úradom verejného zdravotníctva SR - zákon 355/2007 Z.z.</t>
    </r>
  </si>
  <si>
    <t>6.5</t>
  </si>
  <si>
    <t>Požaduje sa uzatvorenie kúpnej zmluvy.</t>
  </si>
  <si>
    <t>1.</t>
  </si>
  <si>
    <t>2.</t>
  </si>
  <si>
    <t>v pracovných dňoch,</t>
  </si>
  <si>
    <t>v čase od 08:00 hod. do 14:30 hod.,</t>
  </si>
  <si>
    <t>2.1.</t>
  </si>
  <si>
    <t>2.2.</t>
  </si>
  <si>
    <t>2.3.</t>
  </si>
  <si>
    <t>2.4.</t>
  </si>
  <si>
    <t>2.5.</t>
  </si>
  <si>
    <t>2.6.</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prístroj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3.</t>
  </si>
  <si>
    <t>4.</t>
  </si>
  <si>
    <t>5.</t>
  </si>
  <si>
    <t>6.</t>
  </si>
  <si>
    <t>7.</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 xml:space="preserve">Požaduje sa v zmysle § 340b ods. 5 zákona č. 513/1991 Z.z. Obchodného zákonníka v znení neskorších predpisov splatnosť faktúry v lehote šesťdesiatich (60) kalendárnych dní odo dňa jej doručenia objednávateľovi. </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8.</t>
  </si>
  <si>
    <t>9.</t>
  </si>
  <si>
    <t>10.</t>
  </si>
  <si>
    <t>11.</t>
  </si>
  <si>
    <t>12.</t>
  </si>
  <si>
    <t>13.</t>
  </si>
  <si>
    <t>14.</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dodávky a zabudovanie náhradných dielov, ktoré sú potrebné k riadnej a bezporuchovej prevádzke zariadnia, vrátane demontáže, odvozu a likvidácie použitého a nepotrebného spotrebného materiálu, náplní a náhradných dielov,</t>
  </si>
  <si>
    <t>vykonanie validácií a kalibrácií zariadenia (resp. jeho relevantných častí) s perididicitou podľa odporučenia výrobcu zariadenia, min. však jedenkrát ročne,</t>
  </si>
  <si>
    <t>vykonanie ďalších servisných úkonov a činností predpísaných príslušnou právnou úpravou a aplikovateľnými normami,</t>
  </si>
  <si>
    <t>práce (servisné hodiny) a dojazdy servisných technikov dodávateľ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 xml:space="preserve">technická telefonická podpora v pracovných dňoch v rozsahu podľa bodu 13 tejto časti, a zároveň poradenstvo pri prevádzkovaní zariadenia prostredníctvom klientského pracoviska dodávateľa 24 hodín denne a 7 dní v týždni, pričom dodávateľ musí garantovať funkčnosť a prevádzku tohto klientskeho pracoviska. </t>
  </si>
  <si>
    <t>V prípade, ak odstránenie vady nevyžaduje príchod servisného technika dodávateľa do miesta inštalácie zariadeni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Dodávateľ je povinný počas trvania záručnej doby odstrániť vady v nasledujúcich lehotách od nástupu na opravu:</t>
  </si>
  <si>
    <t>15.</t>
  </si>
  <si>
    <t>15.1.</t>
  </si>
  <si>
    <t>16.</t>
  </si>
  <si>
    <t>16.1.</t>
  </si>
  <si>
    <t>17.</t>
  </si>
  <si>
    <t>17.1.</t>
  </si>
  <si>
    <t>17.2.</t>
  </si>
  <si>
    <t>18.</t>
  </si>
  <si>
    <t>19.</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0.</t>
  </si>
  <si>
    <t>21.</t>
  </si>
  <si>
    <t>2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4.</t>
  </si>
  <si>
    <t>25.</t>
  </si>
  <si>
    <t>26.</t>
  </si>
  <si>
    <t>27.</t>
  </si>
  <si>
    <t>23.</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Požaduje sa dodanie prístroja :</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zariadenie riadne prevziať. Objednávateľ nadobudne vlastnícke právo vždy až po  zaplatení celej odplaty za plnenie dohodnutej v zmluve. </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Dodávateľ je povinný vystaviť faktúru za dodaný prístroj v súlade s ustanovením §73 zákona č. 222/2004 Z. z. o dani z pridanej hodnoty v znení neskorších predpisov (ďalej len „zákon o DPH“), najneskôr však do piateho (5) pracovného dňa v mesiaci, nasledujúcom po mesiaci, v ktorom došlo k dodaniu prístroja podľa uzatvorenej kúpnej zmluvy.</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j. uvedenie prístroja do stavu plnej využiteľnosti vzhľadom k jeho technickým parametrom,</t>
  </si>
  <si>
    <t xml:space="preserve">vykonanie štandardných vylepšení prístroja odporúčaných a predpísaných výrobcom prístroja podľa rozhodnutia dodávateľa, vrátane vykonania servisných aktualizácií, t.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didicitou podľa odporučenia výrobcu prístroja, min. však jedenkrát ročne,</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V prípade, ak odstránenie vady nevyžaduje príchod servisného technika dodávateľa do miesta inštalácie prístroj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na prístroji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 xml:space="preserve">Dodávateľ poskytuje na prístroj a všetky jeho súčasti komplexnú záruku v trvaní dvadsiatichštyroch (24) mesiacov, resp. šesťdesiatich (60) mesiacov odo dňa, kedy je prístroj uvedený do prevádzky. Uvedenie prístroja do prevádzky a začiatok plynutia záručnej doby sa potvrdí na dodacom liste (preberací protokol),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oprava vady, pri ktorej nie je potrebná dodávka náhradného dielu najneskôr do štyridsiatichôsmich (48) hodín,</t>
  </si>
  <si>
    <t>oprava vady s dodávkou náhradného dielu najneskôr do sedemdesiatichdvoch (72) hodín.</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 xml:space="preserve">Servisný technik dodávateľa je povinný nastúpiť na odstránenie vady v mieste inštalácie prístroja do dvadsiatichštyroch (24) hodín od nahlásenia v pracovný deň medzi 7:00 a 16:00 hod., resp. do 12:00 hod. nasledujúceho pracovného dňa, pokiaľ vada bola nahlásená po 16:00 hod. pracovného dňa alebo počas mimopracovného dňa. </t>
  </si>
  <si>
    <t xml:space="preserve">Servisný technik dodávateľa je povinný nastúpiť na odstránenie vady v mieste inštalácie zariadenia do dvadsiatichštyroch (24) hodín od nahlásenia v pracovný deň medzi 7:00 a 16:00 hod., resp. do 12:00 hod. nasledujúceho pracovného dňa, pokiaľ vada bola nahlásená po 16:00 hod. pracovného dňa alebo počas mimopracovného dňa. </t>
  </si>
  <si>
    <t>nedodržanie lehoty príchodu servisného technika alebo nezačatie odstraňovania vady formou vzdialeného prístupu : 100,-€ (slovom: jednosto Eur) za každú začatú hodinu omeškania, najviac však do výšky 10% kúpnej ceny prístroja, a to pre každý jednotlivý prípad omeškania dodávateľa,</t>
  </si>
  <si>
    <t>nedodržanie lehoty príchodu servisného technika alebo nezačatie odstraňovania vady formou vzdialeného prístupu : 100,-€ (slovom: jednosto Eur) za každú začatú hodinu omeškania, najviac však do výšky 10% kúpnej ceny zariadenia a to pre každý jednotlivý prípad omeškania dodávateľa,</t>
  </si>
  <si>
    <t>nedodržanie dohodnutých lehôt na odstránenie vady i: 100,-€ (jednosto Eur) za každú začatú hodinu omeškania, najviac však do výšky 10% kúpnej ceny zariadenia a to  pre každý jednotlivý prípad omeškania dodávateľa.</t>
  </si>
  <si>
    <t>do tridsiatich (30) pracovných dní od dňa nadobudnutia účinnosti zmluvy,</t>
  </si>
  <si>
    <t xml:space="preserve">Objednávateľ zabezpečí za účelom prevzatia prístroja prístup pre osoby poverené dodávateľom na čas nevyhnutný na vyloženie, kompletizáciu a inštaláciu prístroja.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Digitálny RTG prístroj na vyšetrenie pacientov v ľahu, stoji a na posteli</t>
  </si>
  <si>
    <t>Digitálny RTG prístroj musí byť vybavený bezdrôtovým detektorom s prenosom dát pomocou WI-FI v stole, zabudovaným detektorom do vertikálneho statívu a výkonným rtg generátorom</t>
  </si>
  <si>
    <t>Zariadenie musí umožňovať aj vyhotovenie nesymetrických snímok hrudníka na zabezpečenie menšej radiačnej záťaže pacienta</t>
  </si>
  <si>
    <t>Pohyby RTG žiariča musia byť synchrónne s pohybom detektora</t>
  </si>
  <si>
    <t>Súčasťou RTG prístroja je digitálny výškovo nastaviteľný stôl s možnosťou použitia bezdrôtového plochého detektora a plávajúcou úložnou doskou.</t>
  </si>
  <si>
    <t>Vertikálny pohyb stropného statívu musí byť synchrónny s pohybom vyšetrovacieho náradia ako aj pri zhotovení asymetrických snímok.</t>
  </si>
  <si>
    <t>Stropný záves RTG žiariča s automatickou kolimáciou žiarenia, teleskopickým predĺžením a ručným ovládaním.</t>
  </si>
  <si>
    <t xml:space="preserve">Stropný záves vybavený dotykovým LCD displejom pre zobrazovanie a ovládanie expozičných parametrov </t>
  </si>
  <si>
    <t>Systém sledovania kolimácie z pohľadu RTG zväzku so zobrazením na displeji na RTG lampe aj v obsluhovni</t>
  </si>
  <si>
    <t>Generátor, expozičné napätie, rozsah:</t>
  </si>
  <si>
    <t>2. Výkonný RTG generátor o výkone</t>
  </si>
  <si>
    <t xml:space="preserve"> 80 kW</t>
  </si>
  <si>
    <t>40 kVp</t>
  </si>
  <si>
    <t>150 kVp</t>
  </si>
  <si>
    <t>Generátor, maximálny prúd pri 80 kV</t>
  </si>
  <si>
    <t>900 mA</t>
  </si>
  <si>
    <t xml:space="preserve">Generátor rozsah mAs: </t>
  </si>
  <si>
    <t>1 mAs</t>
  </si>
  <si>
    <t>800 mAs</t>
  </si>
  <si>
    <t>Možnosť manuálneho nastavenia parametrov generátora</t>
  </si>
  <si>
    <t>Orgánovo programová radiografia (APR)</t>
  </si>
  <si>
    <t>Generátor musí byť plne integrovaný do systému obrazového zobrazenia vrátane orgánových programov</t>
  </si>
  <si>
    <t>Automatická kontrola expozície s meracími komôrkami v pacientskom stole aj v digitálnom vertigrafe</t>
  </si>
  <si>
    <t>Systém tzv. bezmriežkového snímkovania pomocou software na WiFi detektore</t>
  </si>
  <si>
    <t>Dual energy alebo software na potlačenie kostných štruktúr pri snímkoch hrudníka</t>
  </si>
  <si>
    <t>Tepelná kapacita RTG žiariča</t>
  </si>
  <si>
    <t>2 MHU</t>
  </si>
  <si>
    <t>30 kW</t>
  </si>
  <si>
    <t>Výkon malého ohniska:</t>
  </si>
  <si>
    <t>1,2 mm</t>
  </si>
  <si>
    <t>Otáčky anódy RTG žiariča</t>
  </si>
  <si>
    <t>Výkon veľkého ohniska RTG žiariča</t>
  </si>
  <si>
    <t>100 kW</t>
  </si>
  <si>
    <t>Možnosť použitia dodatočných minimálne dvoch Cu filtrov s parametrami 0,1 a 0,2 mm</t>
  </si>
  <si>
    <t>Zabudovaná komôrka na meranie dávky žiarenia - DAP</t>
  </si>
  <si>
    <t>4. Stropný statív RTG žiariča: pozdĺžny pohyb</t>
  </si>
  <si>
    <t>3. RTG žiarič: tepelná kapacita anódy</t>
  </si>
  <si>
    <t>Priečny pohyb</t>
  </si>
  <si>
    <t>1450 mm</t>
  </si>
  <si>
    <t>8000 rpm</t>
  </si>
  <si>
    <t>1600 mm</t>
  </si>
  <si>
    <t>Motorický vertikálny pohyb</t>
  </si>
  <si>
    <t xml:space="preserve">Horizontálna rotácia RTG lampy, rozsah +/- </t>
  </si>
  <si>
    <t>180°</t>
  </si>
  <si>
    <r>
      <t>115</t>
    </r>
    <r>
      <rPr>
        <sz val="10"/>
        <color theme="1"/>
        <rFont val="Calibri"/>
        <family val="2"/>
        <charset val="238"/>
      </rPr>
      <t>°</t>
    </r>
  </si>
  <si>
    <t>5. Pacientský stôl s prenosným plochým detektorom s rozmerom aktívnej plochy detektora</t>
  </si>
  <si>
    <t>340x420 mm</t>
  </si>
  <si>
    <t>Veľkosť pixela plochého detektora</t>
  </si>
  <si>
    <r>
      <t>150</t>
    </r>
    <r>
      <rPr>
        <sz val="10"/>
        <rFont val="Calibri"/>
        <family val="2"/>
        <charset val="238"/>
      </rPr>
      <t>µ</t>
    </r>
    <r>
      <rPr>
        <sz val="9.1"/>
        <rFont val="Arial"/>
        <family val="2"/>
        <charset val="238"/>
      </rPr>
      <t>M</t>
    </r>
  </si>
  <si>
    <t>Počet aktívnych pixelov na plochom detektore</t>
  </si>
  <si>
    <t>2300X2800</t>
  </si>
  <si>
    <t>Vodotesnosť detektora</t>
  </si>
  <si>
    <t>IPX3</t>
  </si>
  <si>
    <t>Nosnosť stola</t>
  </si>
  <si>
    <t>300 kg</t>
  </si>
  <si>
    <t xml:space="preserve">Rozmery dosky stola: </t>
  </si>
  <si>
    <t>750mm x 2200 mm</t>
  </si>
  <si>
    <t xml:space="preserve">Rozsah pozdĺžny pohyb dosky: </t>
  </si>
  <si>
    <r>
      <rPr>
        <sz val="10"/>
        <rFont val="Calibri"/>
        <family val="2"/>
        <charset val="238"/>
      </rPr>
      <t>±</t>
    </r>
    <r>
      <rPr>
        <sz val="9.1"/>
        <rFont val="Arial"/>
        <family val="2"/>
        <charset val="238"/>
      </rPr>
      <t xml:space="preserve"> </t>
    </r>
    <r>
      <rPr>
        <sz val="10"/>
        <rFont val="Arial"/>
        <family val="2"/>
        <charset val="238"/>
      </rPr>
      <t>500mm</t>
    </r>
  </si>
  <si>
    <t>Rozsah transverzálny pohyb dosky:</t>
  </si>
  <si>
    <r>
      <rPr>
        <sz val="10"/>
        <rFont val="Calibri"/>
        <family val="2"/>
        <charset val="238"/>
      </rPr>
      <t>±</t>
    </r>
    <r>
      <rPr>
        <sz val="10"/>
        <rFont val="Arial"/>
        <family val="2"/>
        <charset val="238"/>
      </rPr>
      <t xml:space="preserve"> 150 mm</t>
    </r>
  </si>
  <si>
    <t>Rozsah nastavenia výšky stola</t>
  </si>
  <si>
    <t>6. Vertikálny statív: pohyb stredu plochého detektora od podlahy v rozsahu</t>
  </si>
  <si>
    <t>350 mm - 1800 mm</t>
  </si>
  <si>
    <t>550 mm - 850 mm</t>
  </si>
  <si>
    <r>
      <t>(-20°/+90</t>
    </r>
    <r>
      <rPr>
        <sz val="10"/>
        <rFont val="Calibri"/>
        <family val="2"/>
        <charset val="238"/>
      </rPr>
      <t>°)</t>
    </r>
  </si>
  <si>
    <t>Zabudovaný plochý detektor s rozmerom aktívnej plochy</t>
  </si>
  <si>
    <t>Sklápanie statívu v rozsahu</t>
  </si>
  <si>
    <t>420 mm x 420 mm</t>
  </si>
  <si>
    <r>
      <t xml:space="preserve">150 </t>
    </r>
    <r>
      <rPr>
        <sz val="10"/>
        <rFont val="Calibri"/>
        <family val="2"/>
        <charset val="238"/>
      </rPr>
      <t>µ</t>
    </r>
    <r>
      <rPr>
        <sz val="9.1"/>
        <rFont val="Arial"/>
        <family val="2"/>
        <charset val="238"/>
      </rPr>
      <t>m</t>
    </r>
  </si>
  <si>
    <t>2800x2800</t>
  </si>
  <si>
    <t>8. Akvizičná pracovná stanica - kapacita pamäte RAM</t>
  </si>
  <si>
    <t xml:space="preserve">Operačný systém: Windows </t>
  </si>
  <si>
    <t>Rozmer obrazovky monitora akvizičnej stanice</t>
  </si>
  <si>
    <t>16 GB</t>
  </si>
  <si>
    <t>21"</t>
  </si>
  <si>
    <t>Čas zobrazenia obrazu po expozícii:</t>
  </si>
  <si>
    <t>4 sek</t>
  </si>
  <si>
    <t>Integrácia do PACS</t>
  </si>
  <si>
    <t>6.6</t>
  </si>
  <si>
    <t>6.7</t>
  </si>
  <si>
    <t>6.8</t>
  </si>
  <si>
    <r>
      <rPr>
        <b/>
        <sz val="10"/>
        <rFont val="Arial"/>
        <family val="2"/>
        <charset val="238"/>
      </rPr>
      <t xml:space="preserve">Technologický projekt </t>
    </r>
    <r>
      <rPr>
        <sz val="10"/>
        <rFont val="Arial"/>
        <family val="2"/>
        <charset val="238"/>
      </rPr>
      <t>návrh priestorového usporiadania</t>
    </r>
  </si>
  <si>
    <t>9. Technologický rozvádzač  a projekt elektroinštalácie súčasťou dodávky RTG prístroja</t>
  </si>
  <si>
    <t>13.1.</t>
  </si>
  <si>
    <t>13.2.</t>
  </si>
  <si>
    <t>15.2.</t>
  </si>
  <si>
    <t>15.3.</t>
  </si>
  <si>
    <t>15.4.</t>
  </si>
  <si>
    <t>15.5.</t>
  </si>
  <si>
    <t>15.6.</t>
  </si>
  <si>
    <t>15.7.</t>
  </si>
  <si>
    <t>15.8.</t>
  </si>
  <si>
    <t>15.9.</t>
  </si>
  <si>
    <t>15.10.</t>
  </si>
  <si>
    <t>18.1.</t>
  </si>
  <si>
    <t>18.2.</t>
  </si>
  <si>
    <t>nedodržanie dohodnutých lehôt na odstránenie vady : 100,-€ (jednosto Eur) za každú začatú hodinu omeškania, najviac však do výšky 10% kúpnej ceny prístroja, a to  pre každý jednotlivý prípad omeškania dodávateľa.</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tohto klientskeho pracoviska. </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21. tejto časti,</t>
  </si>
  <si>
    <t xml:space="preserve">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Požaduje sa integrácia prístroja do systému PACS a vykonanie skúšky prístroja - elektrická revízia, odbornej skúšky prístroja v súlade s platnou legislatívou (preberacia skúška) a skúška dlhodobej stability podľa zákona č. 87/2018 Z. z. o radiačnej ochrane a o zmene a doplnení niektorých zákonov. Po úspešnom vykonaní všetkých požadovaných skúšok a odovzdaní skúšobných protokolov objednávateľovi dôjde k prevzatiu prístroja oprávneným zápstupcom objednávateľa.</t>
  </si>
  <si>
    <r>
      <t xml:space="preserve">Odborné skúšky RTG zariadenia v súlade s legislatívou - </t>
    </r>
    <r>
      <rPr>
        <b/>
        <sz val="10"/>
        <rFont val="Arial"/>
        <family val="2"/>
        <charset val="238"/>
      </rPr>
      <t>preberacia skúška</t>
    </r>
  </si>
  <si>
    <r>
      <t>Odborná skúška zariadenia -</t>
    </r>
    <r>
      <rPr>
        <b/>
        <sz val="10"/>
        <rFont val="Arial"/>
        <family val="2"/>
        <charset val="238"/>
      </rPr>
      <t xml:space="preserve"> elektrické revízie </t>
    </r>
  </si>
  <si>
    <r>
      <rPr>
        <b/>
        <sz val="10"/>
        <rFont val="Arial"/>
        <family val="2"/>
        <charset val="238"/>
      </rPr>
      <t>Skúšky dlhodobej stability</t>
    </r>
    <r>
      <rPr>
        <sz val="10"/>
        <rFont val="Arial"/>
        <family val="2"/>
        <charset val="238"/>
      </rPr>
      <t xml:space="preserve"> v zmysle zákona č. 87/2018 o radiačnej ochrane a o zmene a doplnení niektorých zákonov</t>
    </r>
  </si>
</sst>
</file>

<file path=xl/styles.xml><?xml version="1.0" encoding="utf-8"?>
<styleSheet xmlns="http://schemas.openxmlformats.org/spreadsheetml/2006/main" xmlns:mc="http://schemas.openxmlformats.org/markup-compatibility/2006" xmlns:x14ac="http://schemas.microsoft.com/office/spreadsheetml/2009/9/ac" mc:Ignorable="x14ac">
  <fonts count="19"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Calibri"/>
      <family val="2"/>
      <charset val="238"/>
      <scheme val="minor"/>
    </font>
    <font>
      <sz val="8"/>
      <color theme="1"/>
      <name val="Arial"/>
      <family val="2"/>
      <charset val="238"/>
    </font>
    <font>
      <sz val="10"/>
      <color theme="1"/>
      <name val="Calibri"/>
      <family val="2"/>
      <charset val="238"/>
    </font>
    <font>
      <sz val="10"/>
      <name val="Calibri"/>
      <family val="2"/>
      <charset val="238"/>
    </font>
    <font>
      <sz val="9.1"/>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6" tint="0.79998168889431442"/>
        <bgColor indexed="64"/>
      </patternFill>
    </fill>
    <fill>
      <patternFill patternType="solid">
        <fgColor theme="7"/>
        <bgColor indexed="64"/>
      </patternFill>
    </fill>
  </fills>
  <borders count="7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right/>
      <top style="thin">
        <color auto="1"/>
      </top>
      <bottom style="thin">
        <color auto="1"/>
      </bottom>
      <diagonal/>
    </border>
    <border>
      <left style="medium">
        <color auto="1"/>
      </left>
      <right/>
      <top/>
      <bottom style="thin">
        <color auto="1"/>
      </bottom>
      <diagonal/>
    </border>
    <border>
      <left/>
      <right/>
      <top/>
      <bottom style="thin">
        <color auto="1"/>
      </bottom>
      <diagonal/>
    </border>
    <border>
      <left/>
      <right style="thin">
        <color auto="1"/>
      </right>
      <top style="medium">
        <color indexed="64"/>
      </top>
      <bottom/>
      <diagonal/>
    </border>
    <border>
      <left/>
      <right style="thin">
        <color auto="1"/>
      </right>
      <top/>
      <bottom style="thin">
        <color auto="1"/>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medium">
        <color auto="1"/>
      </left>
      <right/>
      <top style="thin">
        <color auto="1"/>
      </top>
      <bottom style="thin">
        <color auto="1"/>
      </bottom>
      <diagonal/>
    </border>
    <border>
      <left style="thin">
        <color auto="1"/>
      </left>
      <right/>
      <top/>
      <bottom style="thin">
        <color auto="1"/>
      </bottom>
      <diagonal/>
    </border>
    <border>
      <left style="medium">
        <color auto="1"/>
      </left>
      <right style="thin">
        <color auto="1"/>
      </right>
      <top/>
      <bottom style="thin">
        <color auto="1"/>
      </bottom>
      <diagonal/>
    </border>
    <border>
      <left style="medium">
        <color auto="1"/>
      </left>
      <right style="thin">
        <color auto="1"/>
      </right>
      <top style="dotted">
        <color auto="1"/>
      </top>
      <bottom/>
      <diagonal/>
    </border>
    <border>
      <left style="thin">
        <color auto="1"/>
      </left>
      <right style="dotted">
        <color auto="1"/>
      </right>
      <top style="dotted">
        <color auto="1"/>
      </top>
      <bottom/>
      <diagonal/>
    </border>
    <border>
      <left style="thin">
        <color auto="1"/>
      </left>
      <right/>
      <top style="thin">
        <color auto="1"/>
      </top>
      <bottom style="dotted">
        <color auto="1"/>
      </bottom>
      <diagonal/>
    </border>
    <border>
      <left style="medium">
        <color indexed="64"/>
      </left>
      <right style="thin">
        <color auto="1"/>
      </right>
      <top style="medium">
        <color indexed="64"/>
      </top>
      <bottom style="thin">
        <color auto="1"/>
      </bottom>
      <diagonal/>
    </border>
    <border>
      <left style="thin">
        <color auto="1"/>
      </left>
      <right/>
      <top style="dotted">
        <color auto="1"/>
      </top>
      <bottom style="thin">
        <color auto="1"/>
      </bottom>
      <diagonal/>
    </border>
    <border>
      <left style="medium">
        <color auto="1"/>
      </left>
      <right style="thin">
        <color auto="1"/>
      </right>
      <top style="dotted">
        <color auto="1"/>
      </top>
      <bottom style="thin">
        <color indexed="64"/>
      </bottom>
      <diagonal/>
    </border>
    <border>
      <left/>
      <right/>
      <top style="thin">
        <color auto="1"/>
      </top>
      <bottom style="dotted">
        <color indexed="64"/>
      </bottom>
      <diagonal/>
    </border>
    <border>
      <left/>
      <right style="thin">
        <color auto="1"/>
      </right>
      <top style="thin">
        <color auto="1"/>
      </top>
      <bottom style="dotted">
        <color indexed="64"/>
      </bottom>
      <diagonal/>
    </border>
    <border>
      <left/>
      <right/>
      <top style="dotted">
        <color auto="1"/>
      </top>
      <bottom style="thin">
        <color auto="1"/>
      </bottom>
      <diagonal/>
    </border>
    <border>
      <left/>
      <right style="thin">
        <color auto="1"/>
      </right>
      <top style="dotted">
        <color auto="1"/>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diagonal/>
    </border>
    <border>
      <left style="thin">
        <color auto="1"/>
      </left>
      <right style="medium">
        <color indexed="64"/>
      </right>
      <top style="thin">
        <color auto="1"/>
      </top>
      <bottom/>
      <diagonal/>
    </border>
    <border>
      <left style="dotted">
        <color auto="1"/>
      </left>
      <right style="dotted">
        <color auto="1"/>
      </right>
      <top style="dotted">
        <color auto="1"/>
      </top>
      <bottom style="thin">
        <color indexed="64"/>
      </bottom>
      <diagonal/>
    </border>
    <border>
      <left style="dotted">
        <color auto="1"/>
      </left>
      <right style="medium">
        <color auto="1"/>
      </right>
      <top style="dotted">
        <color auto="1"/>
      </top>
      <bottom style="thin">
        <color auto="1"/>
      </bottom>
      <diagonal/>
    </border>
    <border>
      <left style="thin">
        <color auto="1"/>
      </left>
      <right style="dotted">
        <color auto="1"/>
      </right>
      <top style="thin">
        <color auto="1"/>
      </top>
      <bottom style="thin">
        <color auto="1"/>
      </bottom>
      <diagonal/>
    </border>
    <border>
      <left style="dotted">
        <color auto="1"/>
      </left>
      <right style="dotted">
        <color auto="1"/>
      </right>
      <top/>
      <bottom/>
      <diagonal/>
    </border>
    <border>
      <left style="dotted">
        <color auto="1"/>
      </left>
      <right style="medium">
        <color auto="1"/>
      </right>
      <top/>
      <bottom/>
      <diagonal/>
    </border>
    <border>
      <left/>
      <right style="medium">
        <color indexed="64"/>
      </right>
      <top style="thin">
        <color auto="1"/>
      </top>
      <bottom style="thin">
        <color auto="1"/>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right/>
      <top style="medium">
        <color rgb="FFC00000"/>
      </top>
      <bottom/>
      <diagonal/>
    </border>
    <border>
      <left/>
      <right style="medium">
        <color rgb="FFC00000"/>
      </right>
      <top style="medium">
        <color rgb="FFC00000"/>
      </top>
      <bottom/>
      <diagonal/>
    </border>
    <border>
      <left/>
      <right style="medium">
        <color rgb="FFC00000"/>
      </right>
      <top/>
      <bottom/>
      <diagonal/>
    </border>
    <border>
      <left/>
      <right style="thin">
        <color indexed="64"/>
      </right>
      <top style="thin">
        <color auto="1"/>
      </top>
      <bottom/>
      <diagonal/>
    </border>
    <border>
      <left/>
      <right style="thin">
        <color indexed="64"/>
      </right>
      <top/>
      <bottom/>
      <diagonal/>
    </border>
    <border>
      <left/>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5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4"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3" xfId="5" applyFont="1" applyFill="1" applyBorder="1" applyAlignment="1">
      <alignment horizontal="right" vertical="center" wrapText="1"/>
    </xf>
    <xf numFmtId="0" fontId="7" fillId="0" borderId="13" xfId="0" applyNumberFormat="1" applyFont="1" applyBorder="1" applyAlignment="1">
      <alignment horizontal="center" vertical="center" wrapText="1"/>
    </xf>
    <xf numFmtId="0" fontId="7" fillId="0" borderId="26" xfId="0" applyNumberFormat="1" applyFont="1" applyBorder="1" applyAlignment="1">
      <alignment horizontal="center" vertical="center" wrapText="1"/>
    </xf>
    <xf numFmtId="0" fontId="13" fillId="0" borderId="13" xfId="0" applyFont="1" applyBorder="1" applyAlignment="1">
      <alignment horizontal="center" vertical="center" wrapText="1"/>
    </xf>
    <xf numFmtId="49" fontId="5" fillId="5" borderId="15"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7" fillId="0" borderId="5"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16" fontId="5" fillId="0" borderId="0" xfId="0" applyNumberFormat="1" applyFont="1" applyFill="1" applyAlignment="1">
      <alignment horizontal="left"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8" fillId="0" borderId="0" xfId="0" applyFont="1" applyFill="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4" fillId="0" borderId="30" xfId="0" applyFont="1" applyBorder="1" applyAlignment="1">
      <alignment vertical="center" wrapText="1"/>
    </xf>
    <xf numFmtId="0" fontId="2" fillId="0" borderId="13" xfId="0" applyFont="1" applyBorder="1" applyAlignment="1">
      <alignment vertical="center"/>
    </xf>
    <xf numFmtId="0" fontId="2" fillId="0" borderId="4" xfId="0" applyFont="1" applyBorder="1" applyAlignment="1">
      <alignment vertical="center"/>
    </xf>
    <xf numFmtId="0" fontId="4" fillId="0" borderId="13" xfId="0" applyFont="1" applyBorder="1" applyAlignment="1">
      <alignment vertical="center" wrapText="1"/>
    </xf>
    <xf numFmtId="0" fontId="4" fillId="0" borderId="13" xfId="0" applyFont="1" applyBorder="1" applyAlignment="1">
      <alignment horizontal="left" vertical="center" wrapText="1"/>
    </xf>
    <xf numFmtId="49" fontId="2" fillId="2" borderId="13" xfId="0" applyNumberFormat="1" applyFont="1" applyFill="1" applyBorder="1" applyAlignment="1">
      <alignment horizontal="center" vertical="center" wrapText="1"/>
    </xf>
    <xf numFmtId="0" fontId="11" fillId="0" borderId="0" xfId="0" applyNumberFormat="1" applyFont="1" applyBorder="1" applyAlignment="1">
      <alignment vertical="center" wrapText="1"/>
    </xf>
    <xf numFmtId="0" fontId="7" fillId="0" borderId="0" xfId="0" applyNumberFormat="1" applyFont="1" applyBorder="1" applyAlignment="1">
      <alignment vertical="center" wrapText="1"/>
    </xf>
    <xf numFmtId="49" fontId="4" fillId="0" borderId="13" xfId="0" applyNumberFormat="1" applyFont="1" applyBorder="1" applyAlignment="1">
      <alignment horizontal="left" vertical="center" wrapText="1"/>
    </xf>
    <xf numFmtId="49" fontId="4" fillId="0" borderId="30" xfId="0" applyNumberFormat="1" applyFont="1" applyBorder="1" applyAlignment="1">
      <alignment horizontal="left" vertical="center" wrapText="1"/>
    </xf>
    <xf numFmtId="49" fontId="4" fillId="0" borderId="4" xfId="0" applyNumberFormat="1" applyFont="1" applyBorder="1" applyAlignment="1">
      <alignment horizontal="left" vertical="center" wrapText="1"/>
    </xf>
    <xf numFmtId="0" fontId="4" fillId="0" borderId="4" xfId="0" applyFont="1" applyBorder="1" applyAlignment="1">
      <alignment horizontal="left" vertical="center" wrapText="1"/>
    </xf>
    <xf numFmtId="0" fontId="4" fillId="0" borderId="30" xfId="0" applyFont="1" applyBorder="1" applyAlignment="1">
      <alignment horizontal="left" vertical="center" wrapText="1"/>
    </xf>
    <xf numFmtId="16" fontId="2" fillId="0" borderId="9" xfId="0" applyNumberFormat="1" applyFont="1" applyBorder="1" applyAlignment="1">
      <alignment horizontal="center" vertical="center"/>
    </xf>
    <xf numFmtId="0" fontId="4" fillId="0" borderId="4" xfId="0" applyFont="1" applyBorder="1" applyAlignment="1">
      <alignment vertical="center" wrapText="1"/>
    </xf>
    <xf numFmtId="49" fontId="5" fillId="0" borderId="13" xfId="0" applyNumberFormat="1" applyFont="1" applyFill="1" applyBorder="1" applyAlignment="1">
      <alignment horizontal="left" vertical="center" wrapText="1"/>
    </xf>
    <xf numFmtId="49" fontId="4" fillId="0" borderId="30" xfId="0" applyNumberFormat="1" applyFont="1" applyBorder="1" applyAlignment="1">
      <alignment vertical="center" wrapText="1"/>
    </xf>
    <xf numFmtId="0" fontId="4" fillId="0" borderId="38" xfId="0" applyFont="1" applyBorder="1" applyAlignment="1">
      <alignment vertical="center" wrapText="1"/>
    </xf>
    <xf numFmtId="49" fontId="5" fillId="0" borderId="13" xfId="0" applyNumberFormat="1" applyFont="1" applyFill="1" applyBorder="1" applyAlignment="1">
      <alignment vertical="center" wrapText="1"/>
    </xf>
    <xf numFmtId="0" fontId="4" fillId="6" borderId="4" xfId="0" applyFont="1" applyFill="1" applyBorder="1" applyAlignment="1">
      <alignment vertical="center" wrapText="1"/>
    </xf>
    <xf numFmtId="0" fontId="4" fillId="0" borderId="4" xfId="0" applyFont="1" applyFill="1" applyBorder="1" applyAlignment="1">
      <alignment vertical="center" wrapText="1"/>
    </xf>
    <xf numFmtId="0" fontId="3" fillId="0" borderId="13" xfId="0" applyFont="1" applyBorder="1" applyAlignment="1">
      <alignment vertical="center"/>
    </xf>
    <xf numFmtId="0" fontId="4" fillId="6" borderId="13" xfId="0" applyFont="1" applyFill="1" applyBorder="1" applyAlignment="1">
      <alignment vertical="center" wrapText="1"/>
    </xf>
    <xf numFmtId="0" fontId="4" fillId="0" borderId="13" xfId="0" applyFont="1" applyFill="1" applyBorder="1" applyAlignment="1">
      <alignment vertical="center" wrapText="1"/>
    </xf>
    <xf numFmtId="49" fontId="4" fillId="0" borderId="13" xfId="0" applyNumberFormat="1" applyFont="1" applyBorder="1" applyAlignment="1">
      <alignment vertical="center" wrapText="1"/>
    </xf>
    <xf numFmtId="0" fontId="10" fillId="0" borderId="13" xfId="0" applyFont="1" applyBorder="1" applyAlignment="1">
      <alignment horizontal="left" vertical="center" wrapText="1"/>
    </xf>
    <xf numFmtId="16" fontId="3" fillId="0" borderId="13" xfId="0" applyNumberFormat="1" applyFont="1" applyBorder="1" applyAlignment="1">
      <alignment vertical="center"/>
    </xf>
    <xf numFmtId="49" fontId="5" fillId="7" borderId="13" xfId="0" applyNumberFormat="1" applyFont="1" applyFill="1" applyBorder="1" applyAlignment="1">
      <alignment vertical="center" wrapText="1"/>
    </xf>
    <xf numFmtId="49" fontId="2" fillId="0" borderId="40" xfId="0" applyNumberFormat="1" applyFont="1" applyFill="1" applyBorder="1" applyAlignment="1">
      <alignment horizontal="center" vertical="center" wrapText="1"/>
    </xf>
    <xf numFmtId="0" fontId="10" fillId="0" borderId="0" xfId="0" applyFont="1" applyBorder="1" applyAlignment="1">
      <alignment horizontal="center" vertical="center" wrapText="1"/>
    </xf>
    <xf numFmtId="0" fontId="2" fillId="0" borderId="0" xfId="0" applyFont="1" applyFill="1" applyBorder="1" applyAlignment="1">
      <alignment vertical="center" wrapText="1"/>
    </xf>
    <xf numFmtId="0" fontId="4" fillId="0" borderId="0" xfId="0" applyFont="1" applyFill="1" applyBorder="1" applyAlignment="1">
      <alignment horizontal="left" vertical="center" wrapText="1"/>
    </xf>
    <xf numFmtId="0" fontId="2" fillId="0" borderId="0" xfId="0" applyFont="1" applyFill="1" applyBorder="1" applyAlignment="1">
      <alignment horizontal="center" vertical="center" wrapText="1"/>
    </xf>
    <xf numFmtId="0" fontId="13" fillId="0" borderId="0" xfId="0" applyFont="1" applyFill="1" applyBorder="1" applyAlignment="1">
      <alignment horizontal="center" vertical="center" wrapText="1"/>
    </xf>
    <xf numFmtId="49" fontId="2" fillId="0" borderId="43" xfId="0" applyNumberFormat="1" applyFont="1" applyBorder="1" applyAlignment="1">
      <alignment vertical="center" wrapText="1"/>
    </xf>
    <xf numFmtId="49" fontId="2" fillId="0" borderId="7" xfId="0" applyNumberFormat="1" applyFont="1" applyFill="1" applyBorder="1" applyAlignment="1">
      <alignment vertical="center" wrapText="1"/>
    </xf>
    <xf numFmtId="49" fontId="2" fillId="0" borderId="39" xfId="0" applyNumberFormat="1" applyFont="1" applyFill="1" applyBorder="1" applyAlignment="1">
      <alignment vertical="center" wrapText="1"/>
    </xf>
    <xf numFmtId="49" fontId="2" fillId="0" borderId="9" xfId="0" applyNumberFormat="1" applyFont="1" applyFill="1" applyBorder="1" applyAlignment="1">
      <alignment vertical="center" wrapText="1"/>
    </xf>
    <xf numFmtId="49" fontId="2" fillId="0" borderId="13" xfId="0" applyNumberFormat="1" applyFont="1" applyFill="1" applyBorder="1" applyAlignment="1">
      <alignment vertical="center" wrapText="1"/>
    </xf>
    <xf numFmtId="49" fontId="2" fillId="0" borderId="50" xfId="0" applyNumberFormat="1" applyFont="1" applyFill="1" applyBorder="1" applyAlignment="1">
      <alignment vertical="center" wrapText="1"/>
    </xf>
    <xf numFmtId="49" fontId="2" fillId="0" borderId="51" xfId="0" applyNumberFormat="1" applyFont="1" applyFill="1" applyBorder="1" applyAlignment="1">
      <alignment vertical="center" wrapText="1"/>
    </xf>
    <xf numFmtId="0" fontId="7" fillId="0" borderId="52" xfId="0" applyNumberFormat="1" applyFont="1" applyBorder="1" applyAlignment="1">
      <alignment horizontal="center" vertical="center" wrapText="1"/>
    </xf>
    <xf numFmtId="0" fontId="2" fillId="0" borderId="52" xfId="0" applyFont="1" applyFill="1" applyBorder="1" applyAlignment="1">
      <alignment horizontal="left" vertical="center" wrapText="1"/>
    </xf>
    <xf numFmtId="0" fontId="2" fillId="0" borderId="53" xfId="0" applyFont="1" applyFill="1" applyBorder="1" applyAlignment="1">
      <alignment horizontal="left" vertical="center" wrapText="1"/>
    </xf>
    <xf numFmtId="49" fontId="2" fillId="0" borderId="9" xfId="0" applyNumberFormat="1" applyFont="1" applyFill="1" applyBorder="1" applyAlignment="1">
      <alignment horizontal="left" vertical="center" wrapText="1"/>
    </xf>
    <xf numFmtId="0" fontId="2" fillId="0" borderId="21" xfId="0" applyFont="1" applyBorder="1" applyAlignment="1">
      <alignment vertical="center" wrapText="1"/>
    </xf>
    <xf numFmtId="0" fontId="2" fillId="0" borderId="56" xfId="0" applyFont="1" applyBorder="1" applyAlignment="1">
      <alignment vertical="center" wrapText="1"/>
    </xf>
    <xf numFmtId="0" fontId="2" fillId="8" borderId="41" xfId="0" applyFont="1" applyFill="1" applyBorder="1" applyAlignment="1">
      <alignment vertical="center" wrapText="1"/>
    </xf>
    <xf numFmtId="0" fontId="2" fillId="8" borderId="22" xfId="0" applyFont="1" applyFill="1" applyBorder="1" applyAlignment="1">
      <alignment vertical="center" wrapText="1"/>
    </xf>
    <xf numFmtId="49" fontId="2" fillId="6" borderId="9" xfId="0" applyNumberFormat="1" applyFont="1" applyFill="1" applyBorder="1" applyAlignment="1">
      <alignment vertical="center" wrapText="1"/>
    </xf>
    <xf numFmtId="49" fontId="2" fillId="6" borderId="9" xfId="0" applyNumberFormat="1" applyFont="1" applyFill="1" applyBorder="1" applyAlignment="1">
      <alignment horizontal="center" vertical="center" wrapText="1"/>
    </xf>
    <xf numFmtId="49" fontId="2" fillId="6" borderId="7" xfId="0" applyNumberFormat="1" applyFont="1" applyFill="1" applyBorder="1" applyAlignment="1">
      <alignment vertical="center" wrapText="1"/>
    </xf>
    <xf numFmtId="49" fontId="2" fillId="6" borderId="8" xfId="0" applyNumberFormat="1" applyFont="1" applyFill="1" applyBorder="1" applyAlignment="1">
      <alignment horizontal="center" vertical="center" wrapText="1"/>
    </xf>
    <xf numFmtId="49" fontId="2" fillId="6" borderId="45" xfId="0" applyNumberFormat="1" applyFont="1" applyFill="1" applyBorder="1" applyAlignment="1">
      <alignment horizontal="center" vertical="center" wrapText="1"/>
    </xf>
    <xf numFmtId="0" fontId="4" fillId="0" borderId="30" xfId="0" applyFont="1" applyBorder="1" applyAlignment="1">
      <alignment horizontal="left" vertical="center" wrapText="1"/>
    </xf>
    <xf numFmtId="16" fontId="2" fillId="0" borderId="39" xfId="0" applyNumberFormat="1" applyFont="1" applyBorder="1" applyAlignment="1">
      <alignment horizontal="center" vertical="center"/>
    </xf>
    <xf numFmtId="0" fontId="10" fillId="0" borderId="0" xfId="0" applyFont="1" applyBorder="1" applyAlignment="1">
      <alignment horizontal="center" vertical="center" wrapText="1"/>
    </xf>
    <xf numFmtId="16" fontId="2" fillId="0" borderId="37" xfId="0" applyNumberFormat="1" applyFont="1" applyBorder="1" applyAlignment="1">
      <alignment horizontal="center" vertical="center"/>
    </xf>
    <xf numFmtId="16" fontId="2" fillId="0" borderId="5" xfId="0" applyNumberFormat="1" applyFont="1" applyBorder="1" applyAlignment="1">
      <alignment horizontal="center" vertical="center"/>
    </xf>
    <xf numFmtId="49" fontId="2" fillId="0" borderId="4" xfId="0" applyNumberFormat="1" applyFont="1" applyBorder="1" applyAlignment="1">
      <alignment horizontal="left" vertical="center" wrapText="1"/>
    </xf>
    <xf numFmtId="49" fontId="2" fillId="0" borderId="59" xfId="0" applyNumberFormat="1" applyFont="1" applyBorder="1" applyAlignment="1">
      <alignment horizontal="left" vertical="center" wrapText="1"/>
    </xf>
    <xf numFmtId="16" fontId="2" fillId="0" borderId="13" xfId="0" applyNumberFormat="1" applyFont="1" applyBorder="1" applyAlignment="1">
      <alignment horizontal="left" vertical="center"/>
    </xf>
    <xf numFmtId="49" fontId="4" fillId="0" borderId="13" xfId="0" applyNumberFormat="1" applyFont="1" applyFill="1" applyBorder="1" applyAlignment="1">
      <alignment vertical="center" wrapText="1"/>
    </xf>
    <xf numFmtId="49" fontId="4" fillId="0" borderId="13" xfId="0" applyNumberFormat="1" applyFont="1" applyFill="1" applyBorder="1" applyAlignment="1">
      <alignment horizontal="left" vertical="center" wrapText="1"/>
    </xf>
    <xf numFmtId="16" fontId="2" fillId="0" borderId="13" xfId="0" applyNumberFormat="1" applyFont="1" applyBorder="1" applyAlignment="1">
      <alignment vertical="center"/>
    </xf>
    <xf numFmtId="0" fontId="7" fillId="0" borderId="0" xfId="0" applyNumberFormat="1" applyFont="1" applyBorder="1" applyAlignment="1">
      <alignment horizontal="center" vertical="center" wrapText="1"/>
    </xf>
    <xf numFmtId="0" fontId="2" fillId="0" borderId="0" xfId="0" applyFont="1" applyFill="1" applyBorder="1" applyAlignment="1">
      <alignment horizontal="left" vertical="center" wrapText="1"/>
    </xf>
    <xf numFmtId="49" fontId="3" fillId="2" borderId="0" xfId="0" applyNumberFormat="1" applyFont="1" applyFill="1" applyBorder="1" applyAlignment="1">
      <alignment horizontal="left" vertical="top" wrapText="1"/>
    </xf>
    <xf numFmtId="49" fontId="2" fillId="2" borderId="41" xfId="0" applyNumberFormat="1" applyFont="1" applyFill="1" applyBorder="1" applyAlignment="1">
      <alignment horizontal="center" vertical="center" wrapText="1"/>
    </xf>
    <xf numFmtId="0" fontId="7" fillId="0" borderId="62" xfId="0" applyNumberFormat="1" applyFont="1" applyBorder="1" applyAlignment="1">
      <alignment horizontal="center" vertical="center" wrapText="1"/>
    </xf>
    <xf numFmtId="0" fontId="2" fillId="0" borderId="64" xfId="0" applyFont="1" applyFill="1" applyBorder="1" applyAlignment="1">
      <alignment horizontal="left" vertical="center" wrapText="1"/>
    </xf>
    <xf numFmtId="49" fontId="5" fillId="0" borderId="64" xfId="1" applyNumberFormat="1" applyFont="1" applyBorder="1" applyAlignment="1">
      <alignment horizontal="left" vertical="center" wrapText="1"/>
    </xf>
    <xf numFmtId="49" fontId="3" fillId="2" borderId="66" xfId="0" applyNumberFormat="1" applyFont="1" applyFill="1" applyBorder="1" applyAlignment="1">
      <alignment horizontal="left" vertical="top" wrapText="1"/>
    </xf>
    <xf numFmtId="49" fontId="2" fillId="0" borderId="52" xfId="0" applyNumberFormat="1" applyFont="1" applyFill="1" applyBorder="1" applyAlignment="1">
      <alignment horizontal="center" vertical="center" wrapText="1"/>
    </xf>
    <xf numFmtId="49" fontId="2" fillId="0" borderId="68" xfId="0" applyNumberFormat="1" applyFont="1" applyFill="1" applyBorder="1" applyAlignment="1">
      <alignment horizontal="center" vertical="center" wrapText="1"/>
    </xf>
    <xf numFmtId="49" fontId="4" fillId="0" borderId="68" xfId="0" applyNumberFormat="1" applyFont="1" applyFill="1" applyBorder="1" applyAlignment="1">
      <alignment horizontal="center" vertical="center" wrapText="1"/>
    </xf>
    <xf numFmtId="49" fontId="4" fillId="0" borderId="70" xfId="1" applyNumberFormat="1" applyFont="1" applyBorder="1" applyAlignment="1">
      <alignment horizontal="center" vertical="center" wrapText="1"/>
    </xf>
    <xf numFmtId="0" fontId="4" fillId="0" borderId="69"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66"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6" borderId="54" xfId="0" applyFont="1" applyFill="1" applyBorder="1" applyAlignment="1">
      <alignment horizontal="left" vertical="center" wrapText="1"/>
    </xf>
    <xf numFmtId="0" fontId="2" fillId="6" borderId="55" xfId="0" applyFont="1" applyFill="1" applyBorder="1" applyAlignment="1">
      <alignment horizontal="left" vertical="center" wrapText="1"/>
    </xf>
    <xf numFmtId="0" fontId="2" fillId="6" borderId="57" xfId="0" applyFont="1" applyFill="1" applyBorder="1" applyAlignment="1">
      <alignment horizontal="left" vertical="center" wrapText="1"/>
    </xf>
    <xf numFmtId="0" fontId="2" fillId="6" borderId="58" xfId="0" applyFont="1" applyFill="1" applyBorder="1" applyAlignment="1">
      <alignment horizontal="left" vertical="center" wrapText="1"/>
    </xf>
    <xf numFmtId="0" fontId="2" fillId="6" borderId="23" xfId="0" applyFont="1" applyFill="1" applyBorder="1" applyAlignment="1">
      <alignment horizontal="left" vertical="center" wrapText="1"/>
    </xf>
    <xf numFmtId="0" fontId="2" fillId="6" borderId="28" xfId="0" applyFont="1" applyFill="1" applyBorder="1" applyAlignment="1">
      <alignment horizontal="left" vertical="center" wrapText="1"/>
    </xf>
    <xf numFmtId="0" fontId="15" fillId="6" borderId="23" xfId="0" applyFont="1" applyFill="1" applyBorder="1" applyAlignment="1">
      <alignment horizontal="left" vertical="center" wrapText="1"/>
    </xf>
    <xf numFmtId="0" fontId="15" fillId="6" borderId="28" xfId="0" applyFont="1" applyFill="1" applyBorder="1" applyAlignment="1">
      <alignment horizontal="left" vertical="center" wrapText="1"/>
    </xf>
    <xf numFmtId="0" fontId="4" fillId="6" borderId="4" xfId="0" applyFont="1" applyFill="1" applyBorder="1" applyAlignment="1">
      <alignment horizontal="left" vertical="center" wrapText="1"/>
    </xf>
    <xf numFmtId="0" fontId="4" fillId="6" borderId="30" xfId="0" applyFont="1" applyFill="1" applyBorder="1" applyAlignment="1">
      <alignment horizontal="left" vertical="center" wrapText="1"/>
    </xf>
    <xf numFmtId="0" fontId="4" fillId="6" borderId="5" xfId="0" applyFont="1" applyFill="1" applyBorder="1" applyAlignment="1">
      <alignment horizontal="left" vertical="center" wrapText="1"/>
    </xf>
    <xf numFmtId="0" fontId="12" fillId="0" borderId="6"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0" xfId="0" applyFont="1" applyFill="1" applyBorder="1" applyAlignment="1">
      <alignment horizontal="left" vertical="center" wrapText="1"/>
    </xf>
    <xf numFmtId="0" fontId="2" fillId="0" borderId="64"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1"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60" xfId="0" applyNumberFormat="1" applyFont="1" applyFill="1" applyBorder="1" applyAlignment="1">
      <alignment horizontal="center" vertical="center" wrapText="1"/>
    </xf>
    <xf numFmtId="49" fontId="2" fillId="2" borderId="61" xfId="0" applyNumberFormat="1" applyFont="1" applyFill="1" applyBorder="1" applyAlignment="1">
      <alignment horizontal="center" vertical="center" wrapText="1"/>
    </xf>
    <xf numFmtId="0" fontId="3" fillId="4" borderId="67" xfId="0" applyFont="1" applyFill="1" applyBorder="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62" xfId="0" applyFont="1" applyFill="1" applyBorder="1" applyAlignment="1">
      <alignment horizontal="left" vertical="center" wrapText="1"/>
    </xf>
    <xf numFmtId="0" fontId="2" fillId="0" borderId="63" xfId="0" applyFont="1" applyFill="1" applyBorder="1" applyAlignment="1">
      <alignment horizontal="left" vertical="center" wrapText="1"/>
    </xf>
    <xf numFmtId="0" fontId="2" fillId="0" borderId="71" xfId="0" applyFont="1" applyFill="1" applyBorder="1" applyAlignment="1">
      <alignment horizontal="left" vertical="center" wrapText="1"/>
    </xf>
    <xf numFmtId="0" fontId="2" fillId="0" borderId="67" xfId="0" applyFont="1" applyFill="1" applyBorder="1" applyAlignment="1">
      <alignment horizontal="left" vertical="center" wrapText="1"/>
    </xf>
    <xf numFmtId="0" fontId="2" fillId="0" borderId="65" xfId="0" applyFont="1" applyFill="1" applyBorder="1" applyAlignment="1">
      <alignment horizontal="left" vertical="center" wrapText="1"/>
    </xf>
    <xf numFmtId="0" fontId="3" fillId="0" borderId="69"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66" xfId="0" applyFont="1" applyFill="1" applyBorder="1" applyAlignment="1">
      <alignment horizontal="left" vertical="center" wrapText="1"/>
    </xf>
    <xf numFmtId="0" fontId="2" fillId="0" borderId="69" xfId="0" applyFont="1" applyFill="1" applyBorder="1" applyAlignment="1">
      <alignment horizontal="left" vertical="center" wrapText="1"/>
    </xf>
    <xf numFmtId="0" fontId="2" fillId="0" borderId="66" xfId="0" applyFont="1" applyFill="1" applyBorder="1" applyAlignment="1">
      <alignment horizontal="left" vertical="center" wrapText="1"/>
    </xf>
    <xf numFmtId="0" fontId="4" fillId="0" borderId="69"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66" xfId="0" applyFont="1" applyFill="1" applyBorder="1" applyAlignment="1">
      <alignment horizontal="left" vertical="center" wrapText="1"/>
    </xf>
    <xf numFmtId="16" fontId="3" fillId="0" borderId="37" xfId="0" applyNumberFormat="1" applyFont="1" applyBorder="1" applyAlignment="1">
      <alignment horizontal="left" vertical="center"/>
    </xf>
    <xf numFmtId="16" fontId="3" fillId="0" borderId="5" xfId="0" applyNumberFormat="1" applyFont="1" applyBorder="1" applyAlignment="1">
      <alignment horizontal="left" vertical="center"/>
    </xf>
    <xf numFmtId="49" fontId="2" fillId="0" borderId="13"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49" fontId="2" fillId="0" borderId="4" xfId="0" applyNumberFormat="1" applyFont="1" applyBorder="1" applyAlignment="1">
      <alignment horizontal="center" vertical="center" wrapText="1"/>
    </xf>
    <xf numFmtId="49" fontId="2" fillId="0" borderId="59" xfId="0" applyNumberFormat="1" applyFont="1" applyBorder="1" applyAlignment="1">
      <alignment horizontal="center" vertical="center" wrapText="1"/>
    </xf>
    <xf numFmtId="49" fontId="5" fillId="7" borderId="25" xfId="0" applyNumberFormat="1" applyFont="1" applyFill="1" applyBorder="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2" fillId="6" borderId="13" xfId="0" applyFont="1" applyFill="1" applyBorder="1" applyAlignment="1">
      <alignment horizontal="left" vertical="center" wrapText="1"/>
    </xf>
    <xf numFmtId="0" fontId="2" fillId="6" borderId="11" xfId="0" applyFont="1" applyFill="1" applyBorder="1" applyAlignment="1">
      <alignment horizontal="left" vertical="center" wrapText="1"/>
    </xf>
    <xf numFmtId="0" fontId="2" fillId="0" borderId="0" xfId="0" applyFont="1" applyAlignment="1">
      <alignment horizontal="left" wrapText="1"/>
    </xf>
    <xf numFmtId="0" fontId="3" fillId="2" borderId="25" xfId="0" applyFont="1" applyFill="1" applyBorder="1" applyAlignment="1">
      <alignment horizontal="center" vertical="top" wrapText="1"/>
    </xf>
    <xf numFmtId="0" fontId="3" fillId="2" borderId="10" xfId="0" applyFont="1" applyFill="1" applyBorder="1" applyAlignment="1">
      <alignment horizontal="center" vertical="top" wrapText="1"/>
    </xf>
    <xf numFmtId="49" fontId="2" fillId="2" borderId="13" xfId="0" applyNumberFormat="1" applyFont="1" applyFill="1" applyBorder="1" applyAlignment="1">
      <alignment horizontal="center" vertical="center" wrapText="1"/>
    </xf>
    <xf numFmtId="49" fontId="2" fillId="2" borderId="11" xfId="0" applyNumberFormat="1" applyFont="1" applyFill="1" applyBorder="1" applyAlignment="1">
      <alignment horizontal="center" vertical="center" wrapText="1"/>
    </xf>
    <xf numFmtId="49" fontId="5" fillId="5" borderId="1" xfId="0" applyNumberFormat="1" applyFont="1" applyFill="1" applyBorder="1" applyAlignment="1">
      <alignment horizontal="left" vertical="center" wrapText="1"/>
    </xf>
    <xf numFmtId="49" fontId="5" fillId="5" borderId="33" xfId="0" applyNumberFormat="1" applyFont="1" applyFill="1" applyBorder="1" applyAlignment="1">
      <alignment horizontal="left" vertical="center" wrapText="1"/>
    </xf>
    <xf numFmtId="49" fontId="5" fillId="5" borderId="31" xfId="0" applyNumberFormat="1" applyFont="1" applyFill="1" applyBorder="1" applyAlignment="1">
      <alignment horizontal="left" vertical="center" wrapText="1"/>
    </xf>
    <xf numFmtId="49" fontId="5" fillId="5" borderId="34" xfId="0" applyNumberFormat="1"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3" fillId="0" borderId="0" xfId="0" applyNumberFormat="1" applyFont="1" applyAlignment="1">
      <alignment horizontal="left" vertical="top" wrapText="1"/>
    </xf>
    <xf numFmtId="0" fontId="9"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4" xfId="0" applyFont="1" applyFill="1" applyBorder="1" applyAlignment="1">
      <alignment horizontal="left" vertical="top" wrapText="1"/>
    </xf>
    <xf numFmtId="0" fontId="2" fillId="3" borderId="30" xfId="0" applyFont="1" applyFill="1" applyBorder="1" applyAlignment="1">
      <alignment horizontal="left" vertical="top" wrapText="1"/>
    </xf>
    <xf numFmtId="0" fontId="2" fillId="3" borderId="5" xfId="0" applyFont="1" applyFill="1" applyBorder="1" applyAlignment="1">
      <alignment horizontal="left" vertical="top" wrapText="1"/>
    </xf>
    <xf numFmtId="0" fontId="4" fillId="0" borderId="4" xfId="0" applyFont="1" applyBorder="1" applyAlignment="1">
      <alignment horizontal="left" vertical="center" wrapText="1"/>
    </xf>
    <xf numFmtId="0" fontId="4" fillId="0" borderId="30" xfId="0" applyFont="1" applyBorder="1" applyAlignment="1">
      <alignment horizontal="left" vertical="center" wrapText="1"/>
    </xf>
    <xf numFmtId="0" fontId="4" fillId="0" borderId="5" xfId="0" applyFont="1" applyBorder="1" applyAlignment="1">
      <alignment horizontal="left" vertical="center" wrapText="1"/>
    </xf>
    <xf numFmtId="0" fontId="4" fillId="0" borderId="0" xfId="0" applyFont="1" applyAlignment="1">
      <alignment horizontal="left" vertical="top" wrapText="1"/>
    </xf>
    <xf numFmtId="0" fontId="4" fillId="6" borderId="42" xfId="0" applyFont="1" applyFill="1" applyBorder="1" applyAlignment="1">
      <alignment horizontal="left" vertical="center" wrapText="1"/>
    </xf>
    <xf numFmtId="0" fontId="4" fillId="6" borderId="46" xfId="0" applyFont="1" applyFill="1" applyBorder="1" applyAlignment="1">
      <alignment horizontal="left" vertical="center" wrapText="1"/>
    </xf>
    <xf numFmtId="0" fontId="4" fillId="6" borderId="47" xfId="0" applyFont="1" applyFill="1" applyBorder="1" applyAlignment="1">
      <alignment horizontal="left" vertical="center" wrapText="1"/>
    </xf>
    <xf numFmtId="49" fontId="3" fillId="2" borderId="33" xfId="0" applyNumberFormat="1" applyFont="1" applyFill="1" applyBorder="1" applyAlignment="1">
      <alignment horizontal="left" vertical="top" wrapText="1"/>
    </xf>
    <xf numFmtId="49" fontId="3" fillId="2" borderId="32" xfId="0" applyNumberFormat="1" applyFont="1" applyFill="1" applyBorder="1" applyAlignment="1">
      <alignment horizontal="left" vertical="top" wrapText="1"/>
    </xf>
    <xf numFmtId="49" fontId="3" fillId="2" borderId="34" xfId="0" applyNumberFormat="1" applyFont="1" applyFill="1" applyBorder="1" applyAlignment="1">
      <alignment horizontal="left" vertical="top" wrapText="1"/>
    </xf>
    <xf numFmtId="0" fontId="4" fillId="6" borderId="29" xfId="0" applyFont="1" applyFill="1" applyBorder="1" applyAlignment="1">
      <alignment horizontal="left" vertical="center" wrapText="1"/>
    </xf>
    <xf numFmtId="0" fontId="4" fillId="6" borderId="35" xfId="0" applyFont="1" applyFill="1" applyBorder="1" applyAlignment="1">
      <alignment horizontal="left" vertical="center" wrapText="1"/>
    </xf>
    <xf numFmtId="0" fontId="4" fillId="6" borderId="36" xfId="0" applyFont="1" applyFill="1" applyBorder="1" applyAlignment="1">
      <alignment horizontal="left" vertical="center" wrapText="1"/>
    </xf>
    <xf numFmtId="0" fontId="4" fillId="6" borderId="44" xfId="0" applyFont="1" applyFill="1" applyBorder="1" applyAlignment="1">
      <alignment horizontal="left" vertical="center" wrapText="1"/>
    </xf>
    <xf numFmtId="0" fontId="4" fillId="6" borderId="48" xfId="0" applyFont="1" applyFill="1" applyBorder="1" applyAlignment="1">
      <alignment horizontal="left" vertical="center" wrapText="1"/>
    </xf>
    <xf numFmtId="0" fontId="4" fillId="6" borderId="49" xfId="0" applyFont="1" applyFill="1" applyBorder="1" applyAlignment="1">
      <alignment horizontal="left" vertical="center" wrapText="1"/>
    </xf>
    <xf numFmtId="0" fontId="4" fillId="0" borderId="4" xfId="0" applyFont="1" applyFill="1" applyBorder="1" applyAlignment="1">
      <alignment horizontal="left" vertical="center" wrapText="1"/>
    </xf>
    <xf numFmtId="0" fontId="4" fillId="0" borderId="30" xfId="0" applyFont="1" applyFill="1" applyBorder="1" applyAlignment="1">
      <alignment horizontal="left" vertical="center" wrapText="1"/>
    </xf>
    <xf numFmtId="0" fontId="4" fillId="0" borderId="5" xfId="0" applyFont="1" applyFill="1" applyBorder="1" applyAlignment="1">
      <alignment horizontal="left" vertical="center" wrapText="1"/>
    </xf>
    <xf numFmtId="0" fontId="3" fillId="4" borderId="0" xfId="0" applyFont="1" applyFill="1" applyBorder="1" applyAlignment="1">
      <alignment horizontal="center" vertical="center" wrapText="1"/>
    </xf>
    <xf numFmtId="0" fontId="2" fillId="0" borderId="26" xfId="0" applyFont="1" applyFill="1" applyBorder="1" applyAlignment="1">
      <alignment horizontal="left" vertical="center" wrapText="1"/>
    </xf>
    <xf numFmtId="0" fontId="2" fillId="0" borderId="27" xfId="0" applyFont="1" applyFill="1" applyBorder="1" applyAlignment="1">
      <alignment horizontal="left" vertical="center" wrapText="1"/>
    </xf>
    <xf numFmtId="16" fontId="3" fillId="0" borderId="37" xfId="0" applyNumberFormat="1" applyFont="1" applyFill="1" applyBorder="1" applyAlignment="1">
      <alignment horizontal="left" vertical="center"/>
    </xf>
    <xf numFmtId="16" fontId="3" fillId="0" borderId="5" xfId="0" applyNumberFormat="1" applyFont="1" applyFill="1" applyBorder="1" applyAlignment="1">
      <alignment horizontal="left" vertical="center"/>
    </xf>
    <xf numFmtId="0" fontId="4" fillId="0" borderId="13" xfId="0" applyFont="1" applyFill="1" applyBorder="1" applyAlignment="1">
      <alignment horizontal="left" vertical="center" wrapText="1"/>
    </xf>
    <xf numFmtId="0" fontId="10" fillId="0" borderId="13" xfId="0" applyFont="1" applyFill="1" applyBorder="1" applyAlignment="1">
      <alignment horizontal="left" vertical="center" wrapText="1"/>
    </xf>
    <xf numFmtId="0" fontId="7" fillId="0" borderId="5" xfId="0" applyNumberFormat="1" applyFont="1" applyFill="1" applyBorder="1" applyAlignment="1">
      <alignment horizontal="center" vertical="center" wrapText="1"/>
    </xf>
    <xf numFmtId="49" fontId="2" fillId="0" borderId="13"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0" fontId="4" fillId="0" borderId="38" xfId="0" applyFont="1" applyFill="1" applyBorder="1" applyAlignment="1">
      <alignment horizontal="left" vertical="center" wrapText="1"/>
    </xf>
    <xf numFmtId="0" fontId="4" fillId="0" borderId="32" xfId="0" applyFont="1" applyFill="1" applyBorder="1" applyAlignment="1">
      <alignment horizontal="left" vertical="center" wrapText="1"/>
    </xf>
    <xf numFmtId="0" fontId="4" fillId="0" borderId="34"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1</xdr:col>
          <xdr:colOff>76200</xdr:colOff>
          <xdr:row>23</xdr:row>
          <xdr:rowOff>219075</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1</xdr:col>
          <xdr:colOff>76200</xdr:colOff>
          <xdr:row>24</xdr:row>
          <xdr:rowOff>22860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9</xdr:row>
          <xdr:rowOff>9525</xdr:rowOff>
        </xdr:from>
        <xdr:to>
          <xdr:col>1</xdr:col>
          <xdr:colOff>76200</xdr:colOff>
          <xdr:row>29</xdr:row>
          <xdr:rowOff>22860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0</xdr:rowOff>
        </xdr:from>
        <xdr:to>
          <xdr:col>1</xdr:col>
          <xdr:colOff>76200</xdr:colOff>
          <xdr:row>30</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2.xml"/><Relationship Id="rId3" Type="http://schemas.openxmlformats.org/officeDocument/2006/relationships/hyperlink" Target="http://www.vusch.sk/" TargetMode="External"/><Relationship Id="rId7" Type="http://schemas.openxmlformats.org/officeDocument/2006/relationships/ctrlProp" Target="../ctrlProps/ctrlProp1.xml"/><Relationship Id="rId2" Type="http://schemas.openxmlformats.org/officeDocument/2006/relationships/hyperlink" Target="http://www.vusch.sk/" TargetMode="External"/><Relationship Id="rId1" Type="http://schemas.openxmlformats.org/officeDocument/2006/relationships/hyperlink" Target="http://www.vusch.sk/" TargetMode="External"/><Relationship Id="rId6" Type="http://schemas.openxmlformats.org/officeDocument/2006/relationships/vmlDrawing" Target="../drawings/vmlDrawing1.vml"/><Relationship Id="rId5" Type="http://schemas.openxmlformats.org/officeDocument/2006/relationships/drawing" Target="../drawings/drawing1.xml"/><Relationship Id="rId10" Type="http://schemas.openxmlformats.org/officeDocument/2006/relationships/ctrlProp" Target="../ctrlProps/ctrlProp4.xml"/><Relationship Id="rId4" Type="http://schemas.openxmlformats.org/officeDocument/2006/relationships/printerSettings" Target="../printerSettings/printerSettings1.bin"/><Relationship Id="rId9" Type="http://schemas.openxmlformats.org/officeDocument/2006/relationships/ctrlProp" Target="../ctrlProps/ctrlProp3.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H195"/>
  <sheetViews>
    <sheetView showGridLines="0" tabSelected="1" topLeftCell="A127" zoomScale="91" zoomScaleNormal="91" workbookViewId="0">
      <selection activeCell="M156" sqref="M156"/>
    </sheetView>
  </sheetViews>
  <sheetFormatPr defaultRowHeight="12.75" x14ac:dyDescent="0.2"/>
  <cols>
    <col min="1" max="1" width="12.140625" style="1" customWidth="1"/>
    <col min="2" max="2" width="88.5703125" style="1" customWidth="1"/>
    <col min="3" max="3" width="12.140625" style="1" customWidth="1"/>
    <col min="4" max="4" width="10.7109375" style="1" customWidth="1"/>
    <col min="5" max="5" width="16.42578125" style="8" customWidth="1"/>
    <col min="6" max="6" width="13.7109375" style="8" customWidth="1"/>
    <col min="7" max="7" width="19.7109375" style="2" customWidth="1"/>
    <col min="8" max="8" width="17.140625" style="1" customWidth="1"/>
    <col min="9" max="9" width="9.140625" style="1"/>
    <col min="10" max="10" width="9.140625" style="1" customWidth="1"/>
    <col min="11" max="16384" width="9.140625" style="1"/>
  </cols>
  <sheetData>
    <row r="1" spans="1:7" ht="24" customHeight="1" x14ac:dyDescent="0.2">
      <c r="A1" s="192" t="s">
        <v>51</v>
      </c>
      <c r="B1" s="192"/>
      <c r="C1" s="192"/>
      <c r="D1" s="192"/>
      <c r="E1" s="192"/>
      <c r="F1" s="192"/>
      <c r="G1" s="192"/>
    </row>
    <row r="2" spans="1:7" ht="27.75" customHeight="1" x14ac:dyDescent="0.2">
      <c r="A2" s="196" t="s">
        <v>48</v>
      </c>
      <c r="B2" s="196"/>
      <c r="C2" s="196"/>
      <c r="D2" s="196"/>
      <c r="E2" s="196"/>
      <c r="F2" s="196"/>
      <c r="G2" s="196"/>
    </row>
    <row r="3" spans="1:7" ht="54.75" customHeight="1" x14ac:dyDescent="0.2">
      <c r="A3" s="209" t="s">
        <v>55</v>
      </c>
      <c r="B3" s="209"/>
      <c r="C3" s="209"/>
      <c r="D3" s="209"/>
      <c r="E3" s="209"/>
      <c r="F3" s="209"/>
      <c r="G3" s="209"/>
    </row>
    <row r="4" spans="1:7" ht="24.95" customHeight="1" x14ac:dyDescent="0.2">
      <c r="A4" s="42" t="s">
        <v>54</v>
      </c>
      <c r="B4" s="50"/>
      <c r="C4" s="58"/>
      <c r="D4" s="58"/>
      <c r="E4" s="39"/>
      <c r="F4" s="39"/>
      <c r="G4" s="39"/>
    </row>
    <row r="5" spans="1:7" ht="24.95" customHeight="1" x14ac:dyDescent="0.2">
      <c r="A5" s="42" t="s">
        <v>52</v>
      </c>
      <c r="B5" s="51"/>
      <c r="C5" s="59"/>
      <c r="D5" s="59"/>
      <c r="E5" s="39"/>
      <c r="F5" s="39"/>
      <c r="G5" s="39"/>
    </row>
    <row r="6" spans="1:7" ht="5.0999999999999996" customHeight="1" x14ac:dyDescent="0.2">
      <c r="A6" s="39"/>
      <c r="B6" s="39"/>
      <c r="C6" s="39"/>
      <c r="D6" s="39"/>
      <c r="E6" s="39"/>
      <c r="F6" s="39"/>
      <c r="G6" s="39"/>
    </row>
    <row r="7" spans="1:7" s="2" customFormat="1" ht="20.100000000000001" customHeight="1" x14ac:dyDescent="0.25">
      <c r="A7" s="210" t="s">
        <v>5</v>
      </c>
      <c r="B7" s="210"/>
      <c r="C7" s="210"/>
      <c r="D7" s="210"/>
      <c r="E7" s="210"/>
      <c r="F7" s="210"/>
      <c r="G7" s="210"/>
    </row>
    <row r="8" spans="1:7" s="2" customFormat="1" ht="20.100000000000001" customHeight="1" x14ac:dyDescent="0.25">
      <c r="A8" s="211" t="s">
        <v>9</v>
      </c>
      <c r="B8" s="211"/>
      <c r="C8" s="211"/>
      <c r="D8" s="211"/>
      <c r="E8" s="211"/>
      <c r="F8" s="211"/>
      <c r="G8" s="211"/>
    </row>
    <row r="9" spans="1:7" ht="24.95" customHeight="1" x14ac:dyDescent="0.2">
      <c r="A9" s="212" t="s">
        <v>65</v>
      </c>
      <c r="B9" s="213"/>
      <c r="C9" s="213"/>
      <c r="D9" s="213"/>
      <c r="E9" s="213"/>
      <c r="F9" s="213"/>
      <c r="G9" s="213"/>
    </row>
    <row r="10" spans="1:7" ht="4.5" customHeight="1" x14ac:dyDescent="0.2">
      <c r="A10" s="41"/>
      <c r="B10" s="41"/>
      <c r="C10" s="41"/>
      <c r="D10" s="41"/>
      <c r="E10" s="41"/>
      <c r="F10" s="41"/>
      <c r="G10" s="41"/>
    </row>
    <row r="11" spans="1:7" s="2" customFormat="1" ht="20.100000000000001" customHeight="1" x14ac:dyDescent="0.25">
      <c r="A11" s="214" t="s">
        <v>10</v>
      </c>
      <c r="B11" s="214"/>
      <c r="C11" s="214"/>
      <c r="D11" s="214"/>
      <c r="E11" s="214"/>
      <c r="F11" s="214"/>
      <c r="G11" s="214"/>
    </row>
    <row r="12" spans="1:7" s="2" customFormat="1" ht="24.95" customHeight="1" x14ac:dyDescent="0.2">
      <c r="A12" s="193" t="s">
        <v>77</v>
      </c>
      <c r="B12" s="193"/>
      <c r="C12" s="193"/>
      <c r="D12" s="193"/>
      <c r="E12" s="193"/>
      <c r="F12" s="54"/>
      <c r="G12" s="54"/>
    </row>
    <row r="13" spans="1:7" s="3" customFormat="1" ht="20.100000000000001" customHeight="1" x14ac:dyDescent="0.25">
      <c r="A13" s="193" t="s">
        <v>25</v>
      </c>
      <c r="B13" s="193"/>
      <c r="C13" s="193"/>
      <c r="D13" s="193"/>
      <c r="E13" s="193"/>
      <c r="F13" s="21"/>
      <c r="G13" s="22"/>
    </row>
    <row r="14" spans="1:7" ht="4.5" customHeight="1" x14ac:dyDescent="0.2">
      <c r="A14" s="41"/>
      <c r="B14" s="41"/>
      <c r="C14" s="41"/>
      <c r="D14" s="41"/>
      <c r="E14" s="41"/>
      <c r="F14" s="41"/>
      <c r="G14" s="41"/>
    </row>
    <row r="15" spans="1:7" ht="20.100000000000001" customHeight="1" x14ac:dyDescent="0.2">
      <c r="A15" s="40" t="s">
        <v>11</v>
      </c>
      <c r="B15" s="23"/>
      <c r="C15" s="23"/>
      <c r="D15" s="23"/>
      <c r="E15" s="23"/>
      <c r="F15" s="24"/>
      <c r="G15" s="24"/>
    </row>
    <row r="16" spans="1:7" s="3" customFormat="1" ht="20.25" customHeight="1" x14ac:dyDescent="0.25">
      <c r="A16" s="226" t="s">
        <v>60</v>
      </c>
      <c r="B16" s="226"/>
      <c r="C16" s="226"/>
      <c r="D16" s="226"/>
      <c r="E16" s="226"/>
      <c r="F16" s="21"/>
      <c r="G16" s="22"/>
    </row>
    <row r="17" spans="1:7" ht="5.0999999999999996" customHeight="1" x14ac:dyDescent="0.2">
      <c r="A17" s="199"/>
      <c r="B17" s="199"/>
      <c r="C17" s="199"/>
      <c r="D17" s="199"/>
      <c r="E17" s="199"/>
      <c r="G17" s="16"/>
    </row>
    <row r="18" spans="1:7" s="2" customFormat="1" ht="20.100000000000001" customHeight="1" x14ac:dyDescent="0.25">
      <c r="A18" s="210" t="s">
        <v>22</v>
      </c>
      <c r="B18" s="210"/>
      <c r="C18" s="210"/>
      <c r="D18" s="210"/>
      <c r="E18" s="210"/>
      <c r="F18" s="210"/>
      <c r="G18" s="210"/>
    </row>
    <row r="19" spans="1:7" ht="24.95" customHeight="1" x14ac:dyDescent="0.2">
      <c r="A19" s="193" t="s">
        <v>66</v>
      </c>
      <c r="B19" s="193"/>
      <c r="C19" s="193"/>
      <c r="D19" s="193"/>
      <c r="E19" s="193"/>
      <c r="F19" s="193"/>
      <c r="G19" s="193"/>
    </row>
    <row r="20" spans="1:7" ht="5.0999999999999996" customHeight="1" x14ac:dyDescent="0.2">
      <c r="A20" s="199"/>
      <c r="B20" s="199"/>
      <c r="C20" s="199"/>
      <c r="D20" s="199"/>
      <c r="E20" s="199"/>
      <c r="G20" s="16"/>
    </row>
    <row r="21" spans="1:7" s="2" customFormat="1" ht="20.100000000000001" customHeight="1" x14ac:dyDescent="0.25">
      <c r="A21" s="210" t="s">
        <v>23</v>
      </c>
      <c r="B21" s="210"/>
      <c r="C21" s="210"/>
      <c r="D21" s="210"/>
      <c r="E21" s="210"/>
      <c r="F21" s="210"/>
      <c r="G21" s="210"/>
    </row>
    <row r="22" spans="1:7" s="9" customFormat="1" ht="20.100000000000001" customHeight="1" x14ac:dyDescent="0.25">
      <c r="A22" s="219" t="s">
        <v>6</v>
      </c>
      <c r="B22" s="219"/>
      <c r="C22" s="219"/>
      <c r="D22" s="219"/>
      <c r="E22" s="219"/>
      <c r="F22" s="219"/>
      <c r="G22" s="219"/>
    </row>
    <row r="23" spans="1:7" s="9" customFormat="1" ht="20.100000000000001" customHeight="1" x14ac:dyDescent="0.25">
      <c r="A23" s="194" t="s">
        <v>17</v>
      </c>
      <c r="B23" s="195"/>
      <c r="C23" s="57"/>
      <c r="D23" s="57"/>
      <c r="E23" s="15"/>
      <c r="F23" s="15"/>
      <c r="G23" s="15"/>
    </row>
    <row r="24" spans="1:7" s="9" customFormat="1" ht="20.100000000000001" customHeight="1" x14ac:dyDescent="0.25">
      <c r="A24" s="14"/>
      <c r="B24" s="14" t="s">
        <v>20</v>
      </c>
      <c r="C24" s="14"/>
      <c r="D24" s="14"/>
      <c r="E24" s="15"/>
      <c r="F24" s="15"/>
      <c r="G24" s="15"/>
    </row>
    <row r="25" spans="1:7" s="9" customFormat="1" ht="20.100000000000001" customHeight="1" x14ac:dyDescent="0.25">
      <c r="A25" s="14"/>
      <c r="B25" s="14" t="s">
        <v>21</v>
      </c>
      <c r="C25" s="14"/>
      <c r="D25" s="14"/>
      <c r="E25" s="15"/>
      <c r="F25" s="15"/>
      <c r="G25" s="15"/>
    </row>
    <row r="26" spans="1:7" s="9" customFormat="1" ht="20.100000000000001" customHeight="1" x14ac:dyDescent="0.25">
      <c r="A26" s="194" t="s">
        <v>18</v>
      </c>
      <c r="B26" s="195"/>
      <c r="C26" s="57"/>
      <c r="D26" s="57"/>
      <c r="E26" s="15"/>
      <c r="F26" s="15"/>
      <c r="G26" s="15"/>
    </row>
    <row r="27" spans="1:7" s="9" customFormat="1" ht="31.5" customHeight="1" x14ac:dyDescent="0.25">
      <c r="A27" s="19" t="s">
        <v>19</v>
      </c>
      <c r="B27" s="220" t="s">
        <v>13</v>
      </c>
      <c r="C27" s="221"/>
      <c r="D27" s="221"/>
      <c r="E27" s="222"/>
      <c r="F27" s="20" t="s">
        <v>12</v>
      </c>
      <c r="G27" s="20" t="s">
        <v>14</v>
      </c>
    </row>
    <row r="28" spans="1:7" s="9" customFormat="1" ht="24.95" customHeight="1" x14ac:dyDescent="0.25">
      <c r="A28" s="17" t="s">
        <v>2</v>
      </c>
      <c r="B28" s="223" t="s">
        <v>65</v>
      </c>
      <c r="C28" s="224"/>
      <c r="D28" s="224"/>
      <c r="E28" s="225"/>
      <c r="F28" s="18" t="s">
        <v>1</v>
      </c>
      <c r="G28" s="45">
        <v>1</v>
      </c>
    </row>
    <row r="29" spans="1:7" s="9" customFormat="1" ht="24" customHeight="1" x14ac:dyDescent="0.25">
      <c r="A29" s="90"/>
      <c r="B29" s="91"/>
      <c r="C29" s="91"/>
      <c r="D29" s="91"/>
      <c r="E29" s="91"/>
      <c r="F29" s="92"/>
      <c r="G29" s="93"/>
    </row>
    <row r="30" spans="1:7" s="9" customFormat="1" ht="19.5" customHeight="1" x14ac:dyDescent="0.2">
      <c r="A30" s="10"/>
      <c r="B30" s="9" t="s">
        <v>3</v>
      </c>
      <c r="E30" s="15"/>
      <c r="F30" s="15"/>
      <c r="G30" s="15"/>
    </row>
    <row r="31" spans="1:7" s="9" customFormat="1" ht="20.100000000000001" customHeight="1" x14ac:dyDescent="0.25">
      <c r="A31" s="14"/>
      <c r="B31" s="2" t="s">
        <v>4</v>
      </c>
      <c r="C31" s="2"/>
      <c r="D31" s="2"/>
      <c r="E31" s="15"/>
      <c r="F31" s="15"/>
      <c r="G31" s="15"/>
    </row>
    <row r="32" spans="1:7" ht="5.0999999999999996" customHeight="1" x14ac:dyDescent="0.2"/>
    <row r="33" spans="1:8" s="2" customFormat="1" ht="20.100000000000001" customHeight="1" x14ac:dyDescent="0.25">
      <c r="A33" s="210" t="s">
        <v>24</v>
      </c>
      <c r="B33" s="210"/>
      <c r="C33" s="210"/>
      <c r="D33" s="210"/>
      <c r="E33" s="210"/>
      <c r="F33" s="210"/>
      <c r="G33" s="210"/>
    </row>
    <row r="34" spans="1:8" s="2" customFormat="1" ht="5.0999999999999996" customHeight="1" thickBot="1" x14ac:dyDescent="0.3">
      <c r="A34" s="16"/>
      <c r="E34" s="6"/>
      <c r="F34" s="6"/>
      <c r="G34" s="6"/>
    </row>
    <row r="35" spans="1:8" s="3" customFormat="1" ht="93" customHeight="1" x14ac:dyDescent="0.25">
      <c r="A35" s="160" t="s">
        <v>0</v>
      </c>
      <c r="B35" s="161"/>
      <c r="C35" s="55"/>
      <c r="D35" s="55"/>
      <c r="E35" s="164" t="s">
        <v>26</v>
      </c>
      <c r="F35" s="165"/>
      <c r="G35" s="166"/>
      <c r="H35" s="25"/>
    </row>
    <row r="36" spans="1:8" s="3" customFormat="1" ht="30" customHeight="1" thickBot="1" x14ac:dyDescent="0.3">
      <c r="A36" s="215"/>
      <c r="B36" s="216"/>
      <c r="C36" s="56"/>
      <c r="D36" s="56"/>
      <c r="E36" s="26" t="s">
        <v>27</v>
      </c>
      <c r="F36" s="217" t="s">
        <v>28</v>
      </c>
      <c r="G36" s="218"/>
    </row>
    <row r="37" spans="1:8" s="27" customFormat="1" ht="24.95" customHeight="1" x14ac:dyDescent="0.25">
      <c r="A37" s="204" t="s">
        <v>67</v>
      </c>
      <c r="B37" s="205"/>
      <c r="C37" s="191" t="s">
        <v>62</v>
      </c>
      <c r="D37" s="191"/>
      <c r="E37" s="46"/>
      <c r="F37" s="46"/>
      <c r="G37" s="47"/>
    </row>
    <row r="38" spans="1:8" s="4" customFormat="1" ht="24.95" customHeight="1" x14ac:dyDescent="0.25">
      <c r="A38" s="206"/>
      <c r="B38" s="207"/>
      <c r="C38" s="87" t="s">
        <v>63</v>
      </c>
      <c r="D38" s="87" t="s">
        <v>64</v>
      </c>
      <c r="E38" s="49"/>
      <c r="F38" s="187"/>
      <c r="G38" s="188"/>
    </row>
    <row r="39" spans="1:8" s="4" customFormat="1" ht="24.95" customHeight="1" x14ac:dyDescent="0.25">
      <c r="A39" s="185" t="s">
        <v>68</v>
      </c>
      <c r="B39" s="186"/>
      <c r="C39" s="81"/>
      <c r="D39" s="81"/>
      <c r="E39" s="49"/>
      <c r="F39" s="187"/>
      <c r="G39" s="188"/>
    </row>
    <row r="40" spans="1:8" s="4" customFormat="1" ht="24.95" customHeight="1" x14ac:dyDescent="0.25">
      <c r="A40" s="73">
        <v>44562</v>
      </c>
      <c r="B40" s="79" t="s">
        <v>69</v>
      </c>
      <c r="C40" s="82"/>
      <c r="D40" s="82"/>
      <c r="E40" s="49"/>
      <c r="F40" s="187"/>
      <c r="G40" s="188"/>
    </row>
    <row r="41" spans="1:8" s="4" customFormat="1" ht="24.95" customHeight="1" x14ac:dyDescent="0.25">
      <c r="A41" s="73">
        <v>44593</v>
      </c>
      <c r="B41" s="80" t="s">
        <v>188</v>
      </c>
      <c r="C41" s="83"/>
      <c r="D41" s="83"/>
      <c r="E41" s="49"/>
      <c r="F41" s="187"/>
      <c r="G41" s="188"/>
    </row>
    <row r="42" spans="1:8" s="4" customFormat="1" ht="30.75" customHeight="1" x14ac:dyDescent="0.25">
      <c r="A42" s="73">
        <v>44621</v>
      </c>
      <c r="B42" s="80" t="s">
        <v>189</v>
      </c>
      <c r="C42" s="83"/>
      <c r="D42" s="83"/>
      <c r="E42" s="49"/>
      <c r="F42" s="189"/>
      <c r="G42" s="190"/>
    </row>
    <row r="43" spans="1:8" s="4" customFormat="1" ht="24.95" customHeight="1" x14ac:dyDescent="0.25">
      <c r="A43" s="73">
        <v>44652</v>
      </c>
      <c r="B43" s="80" t="s">
        <v>191</v>
      </c>
      <c r="C43" s="83"/>
      <c r="D43" s="83"/>
      <c r="E43" s="49"/>
      <c r="F43" s="189"/>
      <c r="G43" s="190"/>
    </row>
    <row r="44" spans="1:8" s="4" customFormat="1" ht="35.25" customHeight="1" x14ac:dyDescent="0.25">
      <c r="A44" s="73">
        <v>44682</v>
      </c>
      <c r="B44" s="80" t="s">
        <v>190</v>
      </c>
      <c r="C44" s="83"/>
      <c r="D44" s="83"/>
      <c r="E44" s="49"/>
      <c r="F44" s="189"/>
      <c r="G44" s="190"/>
    </row>
    <row r="45" spans="1:8" s="4" customFormat="1" ht="34.5" customHeight="1" x14ac:dyDescent="0.25">
      <c r="A45" s="73">
        <v>44713</v>
      </c>
      <c r="B45" s="80" t="s">
        <v>192</v>
      </c>
      <c r="C45" s="83"/>
      <c r="D45" s="83"/>
      <c r="E45" s="49"/>
      <c r="F45" s="189"/>
      <c r="G45" s="190"/>
    </row>
    <row r="46" spans="1:8" s="4" customFormat="1" ht="33.75" customHeight="1" x14ac:dyDescent="0.25">
      <c r="A46" s="73">
        <v>44743</v>
      </c>
      <c r="B46" s="80" t="s">
        <v>193</v>
      </c>
      <c r="C46" s="83"/>
      <c r="D46" s="83"/>
      <c r="E46" s="49"/>
      <c r="F46" s="189"/>
      <c r="G46" s="190"/>
    </row>
    <row r="47" spans="1:8" s="4" customFormat="1" ht="36" customHeight="1" x14ac:dyDescent="0.25">
      <c r="A47" s="73">
        <v>44774</v>
      </c>
      <c r="B47" s="80" t="s">
        <v>194</v>
      </c>
      <c r="C47" s="83"/>
      <c r="D47" s="83"/>
      <c r="E47" s="49"/>
      <c r="F47" s="189"/>
      <c r="G47" s="190"/>
    </row>
    <row r="48" spans="1:8" s="4" customFormat="1" ht="24.95" customHeight="1" x14ac:dyDescent="0.25">
      <c r="A48" s="73"/>
      <c r="B48" s="80" t="s">
        <v>195</v>
      </c>
      <c r="C48" s="83"/>
      <c r="D48" s="83"/>
      <c r="E48" s="49"/>
      <c r="F48" s="189"/>
      <c r="G48" s="190"/>
    </row>
    <row r="49" spans="1:7" s="4" customFormat="1" ht="32.25" customHeight="1" x14ac:dyDescent="0.25">
      <c r="A49" s="73"/>
      <c r="B49" s="80" t="s">
        <v>196</v>
      </c>
      <c r="C49" s="83"/>
      <c r="D49" s="83"/>
      <c r="E49" s="49"/>
      <c r="F49" s="189"/>
      <c r="G49" s="190"/>
    </row>
    <row r="50" spans="1:7" s="4" customFormat="1" ht="24.95" customHeight="1" x14ac:dyDescent="0.25">
      <c r="A50" s="185" t="s">
        <v>198</v>
      </c>
      <c r="B50" s="186"/>
      <c r="C50" s="61" t="s">
        <v>199</v>
      </c>
      <c r="D50" s="61"/>
      <c r="E50" s="49"/>
      <c r="F50" s="187"/>
      <c r="G50" s="188"/>
    </row>
    <row r="51" spans="1:7" s="4" customFormat="1" ht="24.95" customHeight="1" x14ac:dyDescent="0.25">
      <c r="A51" s="73">
        <v>44563</v>
      </c>
      <c r="B51" s="76" t="s">
        <v>197</v>
      </c>
      <c r="C51" s="84" t="s">
        <v>200</v>
      </c>
      <c r="D51" s="84" t="s">
        <v>201</v>
      </c>
      <c r="E51" s="49"/>
      <c r="F51" s="187"/>
      <c r="G51" s="188"/>
    </row>
    <row r="52" spans="1:7" s="4" customFormat="1" ht="24.95" customHeight="1" x14ac:dyDescent="0.25">
      <c r="A52" s="73">
        <v>44594</v>
      </c>
      <c r="B52" s="71" t="s">
        <v>202</v>
      </c>
      <c r="C52" s="64" t="s">
        <v>203</v>
      </c>
      <c r="D52" s="64"/>
      <c r="E52" s="49"/>
      <c r="F52" s="187"/>
      <c r="G52" s="188"/>
    </row>
    <row r="53" spans="1:7" s="4" customFormat="1" ht="24.95" customHeight="1" x14ac:dyDescent="0.25">
      <c r="A53" s="73">
        <v>44622</v>
      </c>
      <c r="B53" s="72" t="s">
        <v>204</v>
      </c>
      <c r="C53" s="64" t="s">
        <v>205</v>
      </c>
      <c r="D53" s="64" t="s">
        <v>206</v>
      </c>
      <c r="E53" s="49"/>
      <c r="F53" s="187"/>
      <c r="G53" s="188"/>
    </row>
    <row r="54" spans="1:7" s="4" customFormat="1" ht="24.95" customHeight="1" x14ac:dyDescent="0.25">
      <c r="A54" s="73">
        <v>44653</v>
      </c>
      <c r="B54" s="72" t="s">
        <v>207</v>
      </c>
      <c r="C54" s="64"/>
      <c r="D54" s="64"/>
      <c r="E54" s="49"/>
      <c r="F54" s="187"/>
      <c r="G54" s="188"/>
    </row>
    <row r="55" spans="1:7" s="4" customFormat="1" ht="24.95" customHeight="1" x14ac:dyDescent="0.25">
      <c r="A55" s="118">
        <v>44683</v>
      </c>
      <c r="B55" s="114" t="s">
        <v>208</v>
      </c>
      <c r="C55" s="64"/>
      <c r="D55" s="64"/>
      <c r="E55" s="49"/>
      <c r="F55" s="119"/>
      <c r="G55" s="120"/>
    </row>
    <row r="56" spans="1:7" s="4" customFormat="1" ht="27" customHeight="1" x14ac:dyDescent="0.25">
      <c r="A56" s="118">
        <v>44714</v>
      </c>
      <c r="B56" s="114" t="s">
        <v>209</v>
      </c>
      <c r="C56" s="64"/>
      <c r="D56" s="64"/>
      <c r="E56" s="49"/>
      <c r="F56" s="119"/>
      <c r="G56" s="120"/>
    </row>
    <row r="57" spans="1:7" s="4" customFormat="1" ht="24.95" customHeight="1" x14ac:dyDescent="0.25">
      <c r="A57" s="118">
        <v>44744</v>
      </c>
      <c r="B57" s="114" t="s">
        <v>210</v>
      </c>
      <c r="C57" s="64"/>
      <c r="D57" s="64"/>
      <c r="E57" s="49"/>
      <c r="F57" s="119"/>
      <c r="G57" s="120"/>
    </row>
    <row r="58" spans="1:7" s="4" customFormat="1" ht="24.95" customHeight="1" x14ac:dyDescent="0.25">
      <c r="A58" s="118">
        <v>44775</v>
      </c>
      <c r="B58" s="114" t="s">
        <v>211</v>
      </c>
      <c r="C58" s="64"/>
      <c r="D58" s="64"/>
      <c r="E58" s="49"/>
      <c r="F58" s="119"/>
      <c r="G58" s="120"/>
    </row>
    <row r="59" spans="1:7" s="4" customFormat="1" ht="24.95" customHeight="1" x14ac:dyDescent="0.25">
      <c r="A59" s="118"/>
      <c r="B59" s="114" t="s">
        <v>212</v>
      </c>
      <c r="C59" s="64"/>
      <c r="D59" s="64"/>
      <c r="E59" s="49"/>
      <c r="F59" s="119"/>
      <c r="G59" s="120"/>
    </row>
    <row r="60" spans="1:7" s="4" customFormat="1" ht="24.95" customHeight="1" x14ac:dyDescent="0.25">
      <c r="A60" s="185" t="s">
        <v>224</v>
      </c>
      <c r="B60" s="186"/>
      <c r="C60" s="61" t="s">
        <v>73</v>
      </c>
      <c r="D60" s="81"/>
      <c r="E60" s="49"/>
      <c r="F60" s="187"/>
      <c r="G60" s="188"/>
    </row>
    <row r="61" spans="1:7" s="4" customFormat="1" ht="24.95" customHeight="1" x14ac:dyDescent="0.25">
      <c r="A61" s="117">
        <v>44564</v>
      </c>
      <c r="B61" s="121" t="s">
        <v>213</v>
      </c>
      <c r="C61" s="61" t="s">
        <v>214</v>
      </c>
      <c r="D61" s="81"/>
      <c r="E61" s="49"/>
      <c r="F61" s="189"/>
      <c r="G61" s="190"/>
    </row>
    <row r="62" spans="1:7" s="4" customFormat="1" ht="24.95" customHeight="1" x14ac:dyDescent="0.25">
      <c r="A62" s="73">
        <v>44595</v>
      </c>
      <c r="B62" s="76" t="s">
        <v>71</v>
      </c>
      <c r="C62" s="84"/>
      <c r="D62" s="84" t="s">
        <v>70</v>
      </c>
      <c r="E62" s="49"/>
      <c r="F62" s="187"/>
      <c r="G62" s="188"/>
    </row>
    <row r="63" spans="1:7" s="4" customFormat="1" ht="24.95" customHeight="1" x14ac:dyDescent="0.25">
      <c r="A63" s="73">
        <v>44623</v>
      </c>
      <c r="B63" s="76" t="s">
        <v>216</v>
      </c>
      <c r="C63" s="84" t="s">
        <v>215</v>
      </c>
      <c r="D63" s="84"/>
      <c r="E63" s="49"/>
      <c r="F63" s="189"/>
      <c r="G63" s="190"/>
    </row>
    <row r="64" spans="1:7" s="4" customFormat="1" ht="24.95" customHeight="1" x14ac:dyDescent="0.25">
      <c r="A64" s="73">
        <v>44654</v>
      </c>
      <c r="B64" s="69" t="s">
        <v>72</v>
      </c>
      <c r="C64" s="68"/>
      <c r="D64" s="68" t="s">
        <v>217</v>
      </c>
      <c r="E64" s="49"/>
      <c r="F64" s="187"/>
      <c r="G64" s="188"/>
    </row>
    <row r="65" spans="1:7" s="4" customFormat="1" ht="24.95" customHeight="1" x14ac:dyDescent="0.25">
      <c r="A65" s="73">
        <v>44684</v>
      </c>
      <c r="B65" s="69" t="s">
        <v>218</v>
      </c>
      <c r="C65" s="68" t="s">
        <v>227</v>
      </c>
      <c r="D65" s="68"/>
      <c r="E65" s="49"/>
      <c r="F65" s="187"/>
      <c r="G65" s="188"/>
    </row>
    <row r="66" spans="1:7" s="4" customFormat="1" ht="24.95" customHeight="1" x14ac:dyDescent="0.25">
      <c r="A66" s="73">
        <v>44715</v>
      </c>
      <c r="B66" s="74" t="s">
        <v>219</v>
      </c>
      <c r="C66" s="63" t="s">
        <v>220</v>
      </c>
      <c r="D66" s="63"/>
      <c r="E66" s="49"/>
      <c r="F66" s="187"/>
      <c r="G66" s="188"/>
    </row>
    <row r="67" spans="1:7" s="4" customFormat="1" ht="24.95" customHeight="1" x14ac:dyDescent="0.25">
      <c r="A67" s="73">
        <v>44745</v>
      </c>
      <c r="B67" s="74" t="s">
        <v>221</v>
      </c>
      <c r="C67" s="63"/>
      <c r="D67" s="63"/>
      <c r="E67" s="49"/>
      <c r="F67" s="187"/>
      <c r="G67" s="188"/>
    </row>
    <row r="68" spans="1:7" s="4" customFormat="1" ht="24.95" customHeight="1" x14ac:dyDescent="0.25">
      <c r="A68" s="73">
        <v>44776</v>
      </c>
      <c r="B68" s="74" t="s">
        <v>222</v>
      </c>
      <c r="C68" s="63"/>
      <c r="D68" s="63"/>
      <c r="E68" s="49"/>
      <c r="F68" s="187"/>
      <c r="G68" s="188"/>
    </row>
    <row r="69" spans="1:7" s="4" customFormat="1" ht="24.95" customHeight="1" x14ac:dyDescent="0.25">
      <c r="A69" s="185" t="s">
        <v>223</v>
      </c>
      <c r="B69" s="186"/>
      <c r="C69" s="122" t="s">
        <v>75</v>
      </c>
      <c r="D69" s="78"/>
      <c r="E69" s="49"/>
      <c r="F69" s="187"/>
      <c r="G69" s="188"/>
    </row>
    <row r="70" spans="1:7" s="4" customFormat="1" ht="24.95" customHeight="1" x14ac:dyDescent="0.25">
      <c r="A70" s="73">
        <v>44565</v>
      </c>
      <c r="B70" s="70" t="s">
        <v>225</v>
      </c>
      <c r="C70" s="123" t="s">
        <v>226</v>
      </c>
      <c r="D70" s="75"/>
      <c r="E70" s="49"/>
      <c r="F70" s="187"/>
      <c r="G70" s="188"/>
    </row>
    <row r="71" spans="1:7" s="4" customFormat="1" ht="24.95" customHeight="1" x14ac:dyDescent="0.25">
      <c r="A71" s="73">
        <v>44596</v>
      </c>
      <c r="B71" s="69" t="s">
        <v>229</v>
      </c>
      <c r="C71" s="68" t="s">
        <v>228</v>
      </c>
      <c r="D71" s="68"/>
      <c r="E71" s="49"/>
      <c r="F71" s="187"/>
      <c r="G71" s="188"/>
    </row>
    <row r="72" spans="1:7" s="4" customFormat="1" ht="24.95" customHeight="1" x14ac:dyDescent="0.25">
      <c r="A72" s="73">
        <v>44624</v>
      </c>
      <c r="B72" s="60" t="s">
        <v>76</v>
      </c>
      <c r="C72" s="63" t="s">
        <v>231</v>
      </c>
      <c r="D72" s="63"/>
      <c r="E72" s="49"/>
      <c r="F72" s="187"/>
      <c r="G72" s="188"/>
    </row>
    <row r="73" spans="1:7" s="4" customFormat="1" ht="24.95" customHeight="1" x14ac:dyDescent="0.25">
      <c r="A73" s="73">
        <v>44655</v>
      </c>
      <c r="B73" s="62" t="s">
        <v>230</v>
      </c>
      <c r="C73" s="61" t="s">
        <v>232</v>
      </c>
      <c r="D73" s="61"/>
      <c r="E73" s="49"/>
      <c r="F73" s="187"/>
      <c r="G73" s="188"/>
    </row>
    <row r="74" spans="1:7" s="4" customFormat="1" ht="24.95" customHeight="1" x14ac:dyDescent="0.25">
      <c r="A74" s="73">
        <v>44685</v>
      </c>
      <c r="B74" s="62" t="s">
        <v>74</v>
      </c>
      <c r="C74" s="61"/>
      <c r="D74" s="61"/>
      <c r="E74" s="49"/>
      <c r="F74" s="187"/>
      <c r="G74" s="188"/>
    </row>
    <row r="75" spans="1:7" s="4" customFormat="1" ht="24.95" customHeight="1" x14ac:dyDescent="0.25">
      <c r="A75" s="185" t="s">
        <v>233</v>
      </c>
      <c r="B75" s="186"/>
      <c r="C75" s="61" t="s">
        <v>234</v>
      </c>
      <c r="D75" s="81"/>
      <c r="E75" s="49"/>
      <c r="F75" s="187"/>
      <c r="G75" s="188"/>
    </row>
    <row r="76" spans="1:7" s="4" customFormat="1" ht="24.95" customHeight="1" x14ac:dyDescent="0.25">
      <c r="A76" s="115">
        <v>44566</v>
      </c>
      <c r="B76" s="77" t="s">
        <v>235</v>
      </c>
      <c r="C76" s="63"/>
      <c r="D76" s="63" t="s">
        <v>236</v>
      </c>
      <c r="E76" s="49"/>
      <c r="F76" s="187"/>
      <c r="G76" s="188"/>
    </row>
    <row r="77" spans="1:7" s="4" customFormat="1" ht="24.95" customHeight="1" x14ac:dyDescent="0.25">
      <c r="A77" s="73">
        <v>44597</v>
      </c>
      <c r="B77" s="72" t="s">
        <v>237</v>
      </c>
      <c r="C77" s="122" t="s">
        <v>238</v>
      </c>
      <c r="D77" s="78"/>
      <c r="E77" s="49"/>
      <c r="F77" s="187"/>
      <c r="G77" s="188"/>
    </row>
    <row r="78" spans="1:7" s="4" customFormat="1" ht="24.95" customHeight="1" x14ac:dyDescent="0.25">
      <c r="A78" s="73">
        <v>44625</v>
      </c>
      <c r="B78" s="72" t="s">
        <v>239</v>
      </c>
      <c r="C78" s="123" t="s">
        <v>240</v>
      </c>
      <c r="D78" s="75"/>
      <c r="E78" s="49"/>
      <c r="F78" s="187"/>
      <c r="G78" s="188"/>
    </row>
    <row r="79" spans="1:7" s="4" customFormat="1" ht="24.95" customHeight="1" x14ac:dyDescent="0.25">
      <c r="A79" s="73">
        <v>44656</v>
      </c>
      <c r="B79" s="114" t="s">
        <v>241</v>
      </c>
      <c r="C79" s="123" t="s">
        <v>242</v>
      </c>
      <c r="D79" s="75"/>
      <c r="E79" s="49"/>
      <c r="F79" s="189"/>
      <c r="G79" s="190"/>
    </row>
    <row r="80" spans="1:7" s="4" customFormat="1" ht="24.95" customHeight="1" x14ac:dyDescent="0.25">
      <c r="A80" s="73">
        <v>44686</v>
      </c>
      <c r="B80" s="114" t="s">
        <v>243</v>
      </c>
      <c r="C80" s="123" t="s">
        <v>244</v>
      </c>
      <c r="D80" s="75"/>
      <c r="E80" s="49"/>
      <c r="F80" s="189"/>
      <c r="G80" s="190"/>
    </row>
    <row r="81" spans="1:7" s="4" customFormat="1" ht="24.95" customHeight="1" x14ac:dyDescent="0.25">
      <c r="A81" s="73">
        <v>44656</v>
      </c>
      <c r="B81" s="72" t="s">
        <v>245</v>
      </c>
      <c r="C81" s="64" t="s">
        <v>246</v>
      </c>
      <c r="D81" s="85"/>
      <c r="E81" s="49"/>
      <c r="F81" s="187"/>
      <c r="G81" s="188"/>
    </row>
    <row r="82" spans="1:7" s="4" customFormat="1" ht="24.95" customHeight="1" x14ac:dyDescent="0.25">
      <c r="A82" s="73">
        <v>44686</v>
      </c>
      <c r="B82" s="72" t="s">
        <v>247</v>
      </c>
      <c r="C82" s="64" t="s">
        <v>248</v>
      </c>
      <c r="D82" s="85"/>
      <c r="E82" s="49"/>
      <c r="F82" s="187"/>
      <c r="G82" s="188"/>
    </row>
    <row r="83" spans="1:7" s="4" customFormat="1" ht="24.95" customHeight="1" x14ac:dyDescent="0.25">
      <c r="A83" s="73">
        <v>44717</v>
      </c>
      <c r="B83" s="72" t="s">
        <v>249</v>
      </c>
      <c r="C83" s="64" t="s">
        <v>252</v>
      </c>
      <c r="D83" s="85"/>
      <c r="E83" s="49"/>
      <c r="F83" s="187"/>
      <c r="G83" s="188"/>
    </row>
    <row r="84" spans="1:7" s="4" customFormat="1" ht="27" customHeight="1" x14ac:dyDescent="0.25">
      <c r="A84" s="185" t="s">
        <v>250</v>
      </c>
      <c r="B84" s="186"/>
      <c r="C84" s="17" t="s">
        <v>251</v>
      </c>
      <c r="D84" s="81"/>
      <c r="E84" s="49"/>
      <c r="F84" s="187"/>
      <c r="G84" s="188"/>
    </row>
    <row r="85" spans="1:7" s="4" customFormat="1" ht="24.95" customHeight="1" x14ac:dyDescent="0.25">
      <c r="A85" s="73">
        <v>44567</v>
      </c>
      <c r="B85" s="74" t="s">
        <v>255</v>
      </c>
      <c r="C85" s="63" t="s">
        <v>253</v>
      </c>
      <c r="D85" s="63"/>
      <c r="E85" s="49"/>
      <c r="F85" s="187"/>
      <c r="G85" s="188"/>
    </row>
    <row r="86" spans="1:7" s="4" customFormat="1" ht="24.95" customHeight="1" x14ac:dyDescent="0.25">
      <c r="A86" s="73">
        <v>44598</v>
      </c>
      <c r="B86" s="74" t="s">
        <v>254</v>
      </c>
      <c r="C86" s="63" t="s">
        <v>256</v>
      </c>
      <c r="D86" s="63"/>
      <c r="E86" s="49"/>
      <c r="F86" s="187"/>
      <c r="G86" s="188"/>
    </row>
    <row r="87" spans="1:7" s="4" customFormat="1" ht="24.95" customHeight="1" x14ac:dyDescent="0.25">
      <c r="A87" s="73">
        <v>44626</v>
      </c>
      <c r="B87" s="74" t="s">
        <v>235</v>
      </c>
      <c r="C87" s="63"/>
      <c r="D87" s="63" t="s">
        <v>257</v>
      </c>
      <c r="E87" s="49"/>
      <c r="F87" s="187"/>
      <c r="G87" s="188"/>
    </row>
    <row r="88" spans="1:7" s="4" customFormat="1" ht="24.95" customHeight="1" x14ac:dyDescent="0.25">
      <c r="A88" s="73">
        <v>44657</v>
      </c>
      <c r="B88" s="74" t="s">
        <v>237</v>
      </c>
      <c r="C88" s="63" t="s">
        <v>258</v>
      </c>
      <c r="D88" s="63"/>
      <c r="E88" s="49"/>
      <c r="F88" s="187"/>
      <c r="G88" s="188"/>
    </row>
    <row r="89" spans="1:7" s="4" customFormat="1" ht="25.5" customHeight="1" x14ac:dyDescent="0.25">
      <c r="A89" s="185" t="s">
        <v>259</v>
      </c>
      <c r="B89" s="186"/>
      <c r="C89" s="124" t="s">
        <v>262</v>
      </c>
      <c r="D89" s="86"/>
      <c r="E89" s="49"/>
      <c r="F89" s="187"/>
      <c r="G89" s="188"/>
    </row>
    <row r="90" spans="1:7" s="4" customFormat="1" ht="25.5" customHeight="1" x14ac:dyDescent="0.25">
      <c r="A90" s="73">
        <v>44569</v>
      </c>
      <c r="B90" s="72" t="s">
        <v>260</v>
      </c>
      <c r="C90" s="64"/>
      <c r="D90" s="85"/>
      <c r="E90" s="49"/>
      <c r="F90" s="187"/>
      <c r="G90" s="188"/>
    </row>
    <row r="91" spans="1:7" s="4" customFormat="1" ht="25.5" customHeight="1" x14ac:dyDescent="0.25">
      <c r="A91" s="73">
        <v>44600</v>
      </c>
      <c r="B91" s="72" t="s">
        <v>261</v>
      </c>
      <c r="C91" s="64" t="s">
        <v>263</v>
      </c>
      <c r="D91" s="85"/>
      <c r="E91" s="49"/>
      <c r="F91" s="187"/>
      <c r="G91" s="188"/>
    </row>
    <row r="92" spans="1:7" s="4" customFormat="1" ht="25.5" customHeight="1" x14ac:dyDescent="0.25">
      <c r="A92" s="73">
        <v>44628</v>
      </c>
      <c r="B92" s="72" t="s">
        <v>264</v>
      </c>
      <c r="C92" s="64"/>
      <c r="D92" s="64" t="s">
        <v>265</v>
      </c>
      <c r="E92" s="49"/>
      <c r="F92" s="187"/>
      <c r="G92" s="188"/>
    </row>
    <row r="93" spans="1:7" s="4" customFormat="1" ht="25.5" customHeight="1" x14ac:dyDescent="0.25">
      <c r="A93" s="73">
        <v>44659</v>
      </c>
      <c r="B93" s="72" t="s">
        <v>266</v>
      </c>
      <c r="C93" s="64"/>
      <c r="D93" s="85"/>
      <c r="E93" s="49"/>
      <c r="F93" s="187"/>
      <c r="G93" s="188"/>
    </row>
    <row r="94" spans="1:7" s="4" customFormat="1" ht="25.5" customHeight="1" x14ac:dyDescent="0.25">
      <c r="A94" s="245" t="s">
        <v>271</v>
      </c>
      <c r="B94" s="246"/>
      <c r="C94" s="247"/>
      <c r="D94" s="248"/>
      <c r="E94" s="249"/>
      <c r="F94" s="250"/>
      <c r="G94" s="251"/>
    </row>
    <row r="95" spans="1:7" s="3" customFormat="1" ht="5.0999999999999996" customHeight="1" x14ac:dyDescent="0.25">
      <c r="A95" s="5"/>
      <c r="B95" s="5"/>
      <c r="C95" s="5"/>
      <c r="D95" s="5"/>
      <c r="E95" s="7"/>
      <c r="F95" s="7"/>
      <c r="G95" s="28"/>
    </row>
    <row r="96" spans="1:7" s="2" customFormat="1" ht="20.100000000000001" customHeight="1" x14ac:dyDescent="0.25">
      <c r="A96" s="210" t="s">
        <v>49</v>
      </c>
      <c r="B96" s="210"/>
      <c r="C96" s="210"/>
      <c r="D96" s="210"/>
      <c r="E96" s="210"/>
      <c r="F96" s="210"/>
      <c r="G96" s="210"/>
    </row>
    <row r="97" spans="1:7" s="2" customFormat="1" ht="5.0999999999999996" customHeight="1" thickBot="1" x14ac:dyDescent="0.3">
      <c r="A97" s="16"/>
      <c r="E97" s="6"/>
      <c r="F97" s="6"/>
      <c r="G97" s="6"/>
    </row>
    <row r="98" spans="1:7" s="3" customFormat="1" ht="69" customHeight="1" x14ac:dyDescent="0.25">
      <c r="A98" s="160" t="s">
        <v>8</v>
      </c>
      <c r="B98" s="161"/>
      <c r="C98" s="161"/>
      <c r="D98" s="230"/>
      <c r="E98" s="200" t="s">
        <v>29</v>
      </c>
      <c r="F98" s="200"/>
      <c r="G98" s="201"/>
    </row>
    <row r="99" spans="1:7" s="3" customFormat="1" ht="30" customHeight="1" thickBot="1" x14ac:dyDescent="0.3">
      <c r="A99" s="162"/>
      <c r="B99" s="231"/>
      <c r="C99" s="231"/>
      <c r="D99" s="232"/>
      <c r="E99" s="65" t="s">
        <v>7</v>
      </c>
      <c r="F99" s="202" t="s">
        <v>30</v>
      </c>
      <c r="G99" s="203"/>
    </row>
    <row r="100" spans="1:7" s="2" customFormat="1" ht="21" customHeight="1" x14ac:dyDescent="0.25">
      <c r="A100" s="94" t="s">
        <v>83</v>
      </c>
      <c r="B100" s="223" t="s">
        <v>82</v>
      </c>
      <c r="C100" s="224"/>
      <c r="D100" s="225"/>
      <c r="E100" s="43"/>
      <c r="F100" s="140"/>
      <c r="G100" s="141"/>
    </row>
    <row r="101" spans="1:7" s="2" customFormat="1" ht="22.5" customHeight="1" x14ac:dyDescent="0.25">
      <c r="A101" s="111" t="s">
        <v>84</v>
      </c>
      <c r="B101" s="150" t="s">
        <v>158</v>
      </c>
      <c r="C101" s="151"/>
      <c r="D101" s="152"/>
      <c r="E101" s="43"/>
      <c r="F101" s="197"/>
      <c r="G101" s="198"/>
    </row>
    <row r="102" spans="1:7" s="2" customFormat="1" ht="24" customHeight="1" x14ac:dyDescent="0.25">
      <c r="A102" s="112" t="s">
        <v>87</v>
      </c>
      <c r="B102" s="227" t="s">
        <v>185</v>
      </c>
      <c r="C102" s="228"/>
      <c r="D102" s="229"/>
      <c r="E102" s="108"/>
      <c r="F102" s="197"/>
      <c r="G102" s="198"/>
    </row>
    <row r="103" spans="1:7" s="2" customFormat="1" ht="21" customHeight="1" x14ac:dyDescent="0.25">
      <c r="A103" s="112" t="s">
        <v>88</v>
      </c>
      <c r="B103" s="233" t="s">
        <v>85</v>
      </c>
      <c r="C103" s="234"/>
      <c r="D103" s="235"/>
      <c r="E103" s="43"/>
      <c r="F103" s="197"/>
      <c r="G103" s="198"/>
    </row>
    <row r="104" spans="1:7" s="2" customFormat="1" ht="21" customHeight="1" x14ac:dyDescent="0.25">
      <c r="A104" s="112" t="s">
        <v>89</v>
      </c>
      <c r="B104" s="233" t="s">
        <v>86</v>
      </c>
      <c r="C104" s="234"/>
      <c r="D104" s="235"/>
      <c r="E104" s="43"/>
      <c r="F104" s="197"/>
      <c r="G104" s="198"/>
    </row>
    <row r="105" spans="1:7" s="2" customFormat="1" ht="40.5" customHeight="1" x14ac:dyDescent="0.25">
      <c r="A105" s="112" t="s">
        <v>90</v>
      </c>
      <c r="B105" s="233" t="s">
        <v>156</v>
      </c>
      <c r="C105" s="234"/>
      <c r="D105" s="235"/>
      <c r="E105" s="43"/>
      <c r="F105" s="197"/>
      <c r="G105" s="198"/>
    </row>
    <row r="106" spans="1:7" s="2" customFormat="1" ht="31.5" customHeight="1" x14ac:dyDescent="0.25">
      <c r="A106" s="112" t="s">
        <v>91</v>
      </c>
      <c r="B106" s="233" t="s">
        <v>157</v>
      </c>
      <c r="C106" s="234"/>
      <c r="D106" s="235"/>
      <c r="E106" s="108"/>
      <c r="F106" s="197"/>
      <c r="G106" s="198"/>
    </row>
    <row r="107" spans="1:7" s="2" customFormat="1" ht="108" customHeight="1" x14ac:dyDescent="0.25">
      <c r="A107" s="113" t="s">
        <v>92</v>
      </c>
      <c r="B107" s="236" t="s">
        <v>159</v>
      </c>
      <c r="C107" s="237"/>
      <c r="D107" s="238"/>
      <c r="E107" s="43"/>
      <c r="F107" s="197"/>
      <c r="G107" s="198"/>
    </row>
    <row r="108" spans="1:7" s="2" customFormat="1" ht="32.25" customHeight="1" x14ac:dyDescent="0.25">
      <c r="A108" s="96" t="s">
        <v>97</v>
      </c>
      <c r="B108" s="150" t="s">
        <v>186</v>
      </c>
      <c r="C108" s="151"/>
      <c r="D108" s="152"/>
      <c r="E108" s="43"/>
      <c r="F108" s="140"/>
      <c r="G108" s="141"/>
    </row>
    <row r="109" spans="1:7" s="2" customFormat="1" ht="55.5" customHeight="1" x14ac:dyDescent="0.25">
      <c r="A109" s="96" t="s">
        <v>98</v>
      </c>
      <c r="B109" s="239" t="s">
        <v>289</v>
      </c>
      <c r="C109" s="240"/>
      <c r="D109" s="241"/>
      <c r="E109" s="43"/>
      <c r="F109" s="140"/>
      <c r="G109" s="141"/>
    </row>
    <row r="110" spans="1:7" s="2" customFormat="1" ht="72" customHeight="1" x14ac:dyDescent="0.25">
      <c r="A110" s="97" t="s">
        <v>99</v>
      </c>
      <c r="B110" s="150" t="s">
        <v>160</v>
      </c>
      <c r="C110" s="151" t="s">
        <v>93</v>
      </c>
      <c r="D110" s="152" t="s">
        <v>93</v>
      </c>
      <c r="E110" s="43"/>
      <c r="F110" s="140"/>
      <c r="G110" s="141"/>
    </row>
    <row r="111" spans="1:7" s="2" customFormat="1" ht="50.25" customHeight="1" x14ac:dyDescent="0.25">
      <c r="A111" s="96" t="s">
        <v>100</v>
      </c>
      <c r="B111" s="150" t="s">
        <v>187</v>
      </c>
      <c r="C111" s="151" t="s">
        <v>94</v>
      </c>
      <c r="D111" s="152" t="s">
        <v>94</v>
      </c>
      <c r="E111" s="43"/>
      <c r="F111" s="140"/>
      <c r="G111" s="141"/>
    </row>
    <row r="112" spans="1:7" s="2" customFormat="1" ht="48" customHeight="1" x14ac:dyDescent="0.25">
      <c r="A112" s="96" t="s">
        <v>101</v>
      </c>
      <c r="B112" s="150" t="s">
        <v>161</v>
      </c>
      <c r="C112" s="151" t="s">
        <v>95</v>
      </c>
      <c r="D112" s="152" t="s">
        <v>95</v>
      </c>
      <c r="E112" s="43"/>
      <c r="F112" s="140"/>
      <c r="G112" s="141"/>
    </row>
    <row r="113" spans="1:7" s="2" customFormat="1" ht="47.25" customHeight="1" x14ac:dyDescent="0.25">
      <c r="A113" s="96" t="s">
        <v>107</v>
      </c>
      <c r="B113" s="150" t="s">
        <v>96</v>
      </c>
      <c r="C113" s="151" t="s">
        <v>96</v>
      </c>
      <c r="D113" s="152" t="s">
        <v>96</v>
      </c>
      <c r="E113" s="43"/>
      <c r="F113" s="140"/>
      <c r="G113" s="141"/>
    </row>
    <row r="114" spans="1:7" s="2" customFormat="1" ht="47.25" customHeight="1" x14ac:dyDescent="0.25">
      <c r="A114" s="96" t="s">
        <v>108</v>
      </c>
      <c r="B114" s="150" t="s">
        <v>162</v>
      </c>
      <c r="C114" s="151" t="s">
        <v>102</v>
      </c>
      <c r="D114" s="152" t="s">
        <v>102</v>
      </c>
      <c r="E114" s="43"/>
      <c r="F114" s="140"/>
      <c r="G114" s="141"/>
    </row>
    <row r="115" spans="1:7" s="2" customFormat="1" ht="56.25" customHeight="1" x14ac:dyDescent="0.25">
      <c r="A115" s="96" t="s">
        <v>109</v>
      </c>
      <c r="B115" s="150" t="s">
        <v>103</v>
      </c>
      <c r="C115" s="151" t="s">
        <v>103</v>
      </c>
      <c r="D115" s="152" t="s">
        <v>103</v>
      </c>
      <c r="E115" s="43"/>
      <c r="F115" s="140"/>
      <c r="G115" s="141"/>
    </row>
    <row r="116" spans="1:7" s="2" customFormat="1" ht="31.5" customHeight="1" x14ac:dyDescent="0.25">
      <c r="A116" s="98" t="s">
        <v>110</v>
      </c>
      <c r="B116" s="150" t="s">
        <v>104</v>
      </c>
      <c r="C116" s="151" t="s">
        <v>104</v>
      </c>
      <c r="D116" s="152" t="s">
        <v>104</v>
      </c>
      <c r="E116" s="43"/>
      <c r="F116" s="140"/>
      <c r="G116" s="141"/>
    </row>
    <row r="117" spans="1:7" s="2" customFormat="1" ht="72.75" customHeight="1" x14ac:dyDescent="0.25">
      <c r="A117" s="99" t="s">
        <v>111</v>
      </c>
      <c r="B117" s="150" t="s">
        <v>163</v>
      </c>
      <c r="C117" s="151" t="s">
        <v>105</v>
      </c>
      <c r="D117" s="152" t="s">
        <v>105</v>
      </c>
      <c r="E117" s="43"/>
      <c r="F117" s="140"/>
      <c r="G117" s="141"/>
    </row>
    <row r="118" spans="1:7" s="2" customFormat="1" ht="123" customHeight="1" x14ac:dyDescent="0.25">
      <c r="A118" s="100" t="s">
        <v>112</v>
      </c>
      <c r="B118" s="150" t="s">
        <v>106</v>
      </c>
      <c r="C118" s="151" t="s">
        <v>106</v>
      </c>
      <c r="D118" s="152" t="s">
        <v>106</v>
      </c>
      <c r="E118" s="43"/>
      <c r="F118" s="140"/>
      <c r="G118" s="141"/>
    </row>
    <row r="119" spans="1:7" s="2" customFormat="1" ht="41.25" customHeight="1" x14ac:dyDescent="0.25">
      <c r="A119" s="13" t="s">
        <v>272</v>
      </c>
      <c r="B119" s="150" t="s">
        <v>114</v>
      </c>
      <c r="C119" s="151" t="s">
        <v>114</v>
      </c>
      <c r="D119" s="152" t="s">
        <v>114</v>
      </c>
      <c r="E119" s="43"/>
      <c r="F119" s="140"/>
      <c r="G119" s="141"/>
    </row>
    <row r="120" spans="1:7" s="2" customFormat="1" ht="53.25" customHeight="1" x14ac:dyDescent="0.25">
      <c r="A120" s="88" t="s">
        <v>273</v>
      </c>
      <c r="B120" s="150" t="s">
        <v>115</v>
      </c>
      <c r="C120" s="151" t="s">
        <v>115</v>
      </c>
      <c r="D120" s="152" t="s">
        <v>115</v>
      </c>
      <c r="E120" s="43"/>
      <c r="F120" s="140"/>
      <c r="G120" s="141"/>
    </row>
    <row r="121" spans="1:7" s="2" customFormat="1" ht="74.25" customHeight="1" x14ac:dyDescent="0.25">
      <c r="A121" s="97" t="s">
        <v>113</v>
      </c>
      <c r="B121" s="150" t="s">
        <v>176</v>
      </c>
      <c r="C121" s="151" t="s">
        <v>116</v>
      </c>
      <c r="D121" s="152" t="s">
        <v>116</v>
      </c>
      <c r="E121" s="43"/>
      <c r="F121" s="140"/>
      <c r="G121" s="141"/>
    </row>
    <row r="122" spans="1:7" s="2" customFormat="1" ht="71.25" customHeight="1" x14ac:dyDescent="0.25">
      <c r="A122" s="95" t="s">
        <v>129</v>
      </c>
      <c r="B122" s="150" t="s">
        <v>164</v>
      </c>
      <c r="C122" s="151" t="s">
        <v>117</v>
      </c>
      <c r="D122" s="152" t="s">
        <v>117</v>
      </c>
      <c r="E122" s="43"/>
      <c r="F122" s="140"/>
      <c r="G122" s="141"/>
    </row>
    <row r="123" spans="1:7" s="2" customFormat="1" ht="23.25" customHeight="1" x14ac:dyDescent="0.25">
      <c r="A123" s="13" t="s">
        <v>130</v>
      </c>
      <c r="B123" s="150" t="s">
        <v>165</v>
      </c>
      <c r="C123" s="151" t="s">
        <v>118</v>
      </c>
      <c r="D123" s="152" t="s">
        <v>118</v>
      </c>
      <c r="E123" s="43"/>
      <c r="F123" s="140"/>
      <c r="G123" s="141"/>
    </row>
    <row r="124" spans="1:7" s="2" customFormat="1" ht="33.75" customHeight="1" x14ac:dyDescent="0.25">
      <c r="A124" s="13" t="s">
        <v>274</v>
      </c>
      <c r="B124" s="150" t="s">
        <v>119</v>
      </c>
      <c r="C124" s="151" t="s">
        <v>119</v>
      </c>
      <c r="D124" s="152" t="s">
        <v>119</v>
      </c>
      <c r="E124" s="43"/>
      <c r="F124" s="140"/>
      <c r="G124" s="141"/>
    </row>
    <row r="125" spans="1:7" s="2" customFormat="1" ht="42" customHeight="1" x14ac:dyDescent="0.25">
      <c r="A125" s="13" t="s">
        <v>275</v>
      </c>
      <c r="B125" s="150" t="s">
        <v>166</v>
      </c>
      <c r="C125" s="151" t="s">
        <v>120</v>
      </c>
      <c r="D125" s="152" t="s">
        <v>120</v>
      </c>
      <c r="E125" s="43"/>
      <c r="F125" s="140"/>
      <c r="G125" s="141"/>
    </row>
    <row r="126" spans="1:7" s="2" customFormat="1" ht="30.75" customHeight="1" x14ac:dyDescent="0.25">
      <c r="A126" s="13" t="s">
        <v>276</v>
      </c>
      <c r="B126" s="150" t="s">
        <v>167</v>
      </c>
      <c r="C126" s="151" t="s">
        <v>121</v>
      </c>
      <c r="D126" s="152" t="s">
        <v>121</v>
      </c>
      <c r="E126" s="43"/>
      <c r="F126" s="140"/>
      <c r="G126" s="141"/>
    </row>
    <row r="127" spans="1:7" s="2" customFormat="1" ht="30.75" customHeight="1" x14ac:dyDescent="0.25">
      <c r="A127" s="13" t="s">
        <v>277</v>
      </c>
      <c r="B127" s="150" t="s">
        <v>168</v>
      </c>
      <c r="C127" s="151" t="s">
        <v>122</v>
      </c>
      <c r="D127" s="152" t="s">
        <v>122</v>
      </c>
      <c r="E127" s="43"/>
      <c r="F127" s="140"/>
      <c r="G127" s="141"/>
    </row>
    <row r="128" spans="1:7" s="2" customFormat="1" ht="43.5" customHeight="1" x14ac:dyDescent="0.25">
      <c r="A128" s="13" t="s">
        <v>278</v>
      </c>
      <c r="B128" s="150" t="s">
        <v>287</v>
      </c>
      <c r="C128" s="151" t="s">
        <v>179</v>
      </c>
      <c r="D128" s="152" t="s">
        <v>179</v>
      </c>
      <c r="E128" s="43"/>
      <c r="F128" s="140"/>
      <c r="G128" s="141"/>
    </row>
    <row r="129" spans="1:7" s="2" customFormat="1" ht="18.75" customHeight="1" x14ac:dyDescent="0.25">
      <c r="A129" s="13" t="s">
        <v>279</v>
      </c>
      <c r="B129" s="150" t="s">
        <v>123</v>
      </c>
      <c r="C129" s="151" t="s">
        <v>123</v>
      </c>
      <c r="D129" s="152" t="s">
        <v>123</v>
      </c>
      <c r="E129" s="43"/>
      <c r="F129" s="140"/>
      <c r="G129" s="141"/>
    </row>
    <row r="130" spans="1:7" s="2" customFormat="1" ht="30.75" customHeight="1" x14ac:dyDescent="0.25">
      <c r="A130" s="13" t="s">
        <v>280</v>
      </c>
      <c r="B130" s="150" t="s">
        <v>169</v>
      </c>
      <c r="C130" s="151" t="s">
        <v>124</v>
      </c>
      <c r="D130" s="152" t="s">
        <v>124</v>
      </c>
      <c r="E130" s="43"/>
      <c r="F130" s="140"/>
      <c r="G130" s="141"/>
    </row>
    <row r="131" spans="1:7" s="2" customFormat="1" ht="39.75" customHeight="1" x14ac:dyDescent="0.25">
      <c r="A131" s="13" t="s">
        <v>281</v>
      </c>
      <c r="B131" s="150" t="s">
        <v>170</v>
      </c>
      <c r="C131" s="151" t="s">
        <v>125</v>
      </c>
      <c r="D131" s="152" t="s">
        <v>125</v>
      </c>
      <c r="E131" s="43"/>
      <c r="F131" s="140"/>
      <c r="G131" s="141"/>
    </row>
    <row r="132" spans="1:7" s="2" customFormat="1" ht="44.25" customHeight="1" x14ac:dyDescent="0.25">
      <c r="A132" s="13" t="s">
        <v>282</v>
      </c>
      <c r="B132" s="150" t="s">
        <v>286</v>
      </c>
      <c r="C132" s="151" t="s">
        <v>126</v>
      </c>
      <c r="D132" s="152" t="s">
        <v>126</v>
      </c>
      <c r="E132" s="107"/>
      <c r="F132" s="142"/>
      <c r="G132" s="143"/>
    </row>
    <row r="133" spans="1:7" s="2" customFormat="1" ht="45.75" customHeight="1" x14ac:dyDescent="0.25">
      <c r="A133" s="109" t="s">
        <v>131</v>
      </c>
      <c r="B133" s="150" t="s">
        <v>180</v>
      </c>
      <c r="C133" s="151" t="s">
        <v>181</v>
      </c>
      <c r="D133" s="152" t="s">
        <v>181</v>
      </c>
      <c r="E133" s="106"/>
      <c r="F133" s="144"/>
      <c r="G133" s="145"/>
    </row>
    <row r="134" spans="1:7" s="2" customFormat="1" ht="57" customHeight="1" x14ac:dyDescent="0.25">
      <c r="A134" s="110" t="s">
        <v>132</v>
      </c>
      <c r="B134" s="150" t="s">
        <v>171</v>
      </c>
      <c r="C134" s="151" t="s">
        <v>127</v>
      </c>
      <c r="D134" s="152" t="s">
        <v>127</v>
      </c>
      <c r="E134" s="107"/>
      <c r="F134" s="142"/>
      <c r="G134" s="143"/>
    </row>
    <row r="135" spans="1:7" s="2" customFormat="1" ht="24.95" customHeight="1" x14ac:dyDescent="0.25">
      <c r="A135" s="95" t="s">
        <v>133</v>
      </c>
      <c r="B135" s="150" t="s">
        <v>128</v>
      </c>
      <c r="C135" s="151" t="s">
        <v>128</v>
      </c>
      <c r="D135" s="152" t="s">
        <v>128</v>
      </c>
      <c r="E135" s="43"/>
      <c r="F135" s="140"/>
      <c r="G135" s="141"/>
    </row>
    <row r="136" spans="1:7" s="2" customFormat="1" ht="24.95" customHeight="1" x14ac:dyDescent="0.25">
      <c r="A136" s="13" t="s">
        <v>134</v>
      </c>
      <c r="B136" s="150" t="s">
        <v>177</v>
      </c>
      <c r="C136" s="151" t="s">
        <v>177</v>
      </c>
      <c r="D136" s="152" t="s">
        <v>177</v>
      </c>
      <c r="E136" s="43"/>
      <c r="F136" s="146"/>
      <c r="G136" s="147"/>
    </row>
    <row r="137" spans="1:7" s="2" customFormat="1" ht="24.95" customHeight="1" x14ac:dyDescent="0.25">
      <c r="A137" s="88" t="s">
        <v>135</v>
      </c>
      <c r="B137" s="150" t="s">
        <v>178</v>
      </c>
      <c r="C137" s="151" t="s">
        <v>178</v>
      </c>
      <c r="D137" s="152" t="s">
        <v>178</v>
      </c>
      <c r="E137" s="43"/>
      <c r="F137" s="148"/>
      <c r="G137" s="149"/>
    </row>
    <row r="138" spans="1:7" s="2" customFormat="1" ht="46.5" customHeight="1" x14ac:dyDescent="0.25">
      <c r="A138" s="100" t="s">
        <v>136</v>
      </c>
      <c r="B138" s="150" t="s">
        <v>172</v>
      </c>
      <c r="C138" s="151" t="s">
        <v>138</v>
      </c>
      <c r="D138" s="152" t="s">
        <v>138</v>
      </c>
      <c r="E138" s="43"/>
      <c r="F138" s="140"/>
      <c r="G138" s="141"/>
    </row>
    <row r="139" spans="1:7" s="2" customFormat="1" ht="45.75" customHeight="1" x14ac:dyDescent="0.25">
      <c r="A139" s="13" t="s">
        <v>283</v>
      </c>
      <c r="B139" s="150" t="s">
        <v>182</v>
      </c>
      <c r="C139" s="151" t="s">
        <v>183</v>
      </c>
      <c r="D139" s="152" t="s">
        <v>183</v>
      </c>
      <c r="E139" s="105"/>
      <c r="F139" s="146"/>
      <c r="G139" s="147"/>
    </row>
    <row r="140" spans="1:7" s="2" customFormat="1" ht="30.75" customHeight="1" x14ac:dyDescent="0.25">
      <c r="A140" s="88" t="s">
        <v>284</v>
      </c>
      <c r="B140" s="150" t="s">
        <v>285</v>
      </c>
      <c r="C140" s="151" t="s">
        <v>184</v>
      </c>
      <c r="D140" s="152" t="s">
        <v>184</v>
      </c>
      <c r="E140" s="105"/>
      <c r="F140" s="146"/>
      <c r="G140" s="147"/>
    </row>
    <row r="141" spans="1:7" s="2" customFormat="1" ht="90.75" customHeight="1" x14ac:dyDescent="0.25">
      <c r="A141" s="97" t="s">
        <v>137</v>
      </c>
      <c r="B141" s="150" t="s">
        <v>173</v>
      </c>
      <c r="C141" s="151" t="s">
        <v>139</v>
      </c>
      <c r="D141" s="152" t="s">
        <v>139</v>
      </c>
      <c r="E141" s="43"/>
      <c r="F141" s="140"/>
      <c r="G141" s="141"/>
    </row>
    <row r="142" spans="1:7" s="2" customFormat="1" ht="73.5" customHeight="1" x14ac:dyDescent="0.25">
      <c r="A142" s="97" t="s">
        <v>143</v>
      </c>
      <c r="B142" s="150" t="s">
        <v>174</v>
      </c>
      <c r="C142" s="151" t="s">
        <v>140</v>
      </c>
      <c r="D142" s="152" t="s">
        <v>140</v>
      </c>
      <c r="E142" s="43"/>
      <c r="F142" s="140"/>
      <c r="G142" s="141"/>
    </row>
    <row r="143" spans="1:7" s="2" customFormat="1" ht="31.5" customHeight="1" x14ac:dyDescent="0.25">
      <c r="A143" s="97" t="s">
        <v>144</v>
      </c>
      <c r="B143" s="150" t="s">
        <v>141</v>
      </c>
      <c r="C143" s="151" t="s">
        <v>141</v>
      </c>
      <c r="D143" s="152" t="s">
        <v>141</v>
      </c>
      <c r="E143" s="43"/>
      <c r="F143" s="140"/>
      <c r="G143" s="141"/>
    </row>
    <row r="144" spans="1:7" s="2" customFormat="1" ht="41.25" customHeight="1" x14ac:dyDescent="0.25">
      <c r="A144" s="104" t="s">
        <v>145</v>
      </c>
      <c r="B144" s="150" t="s">
        <v>175</v>
      </c>
      <c r="C144" s="151" t="s">
        <v>142</v>
      </c>
      <c r="D144" s="152" t="s">
        <v>142</v>
      </c>
      <c r="E144" s="43"/>
      <c r="F144" s="140"/>
      <c r="G144" s="141"/>
    </row>
    <row r="145" spans="1:8" s="2" customFormat="1" ht="54.75" customHeight="1" x14ac:dyDescent="0.25">
      <c r="A145" s="97" t="s">
        <v>153</v>
      </c>
      <c r="B145" s="150" t="s">
        <v>146</v>
      </c>
      <c r="C145" s="151" t="s">
        <v>146</v>
      </c>
      <c r="D145" s="152" t="s">
        <v>146</v>
      </c>
      <c r="E145" s="101"/>
      <c r="F145" s="102"/>
      <c r="G145" s="103"/>
    </row>
    <row r="146" spans="1:8" s="2" customFormat="1" ht="118.5" customHeight="1" x14ac:dyDescent="0.25">
      <c r="A146" s="97" t="s">
        <v>149</v>
      </c>
      <c r="B146" s="150" t="s">
        <v>147</v>
      </c>
      <c r="C146" s="151" t="s">
        <v>147</v>
      </c>
      <c r="D146" s="152" t="s">
        <v>147</v>
      </c>
      <c r="E146" s="101"/>
      <c r="F146" s="102"/>
      <c r="G146" s="103"/>
    </row>
    <row r="147" spans="1:8" s="2" customFormat="1" ht="66.75" customHeight="1" x14ac:dyDescent="0.25">
      <c r="A147" s="97" t="s">
        <v>150</v>
      </c>
      <c r="B147" s="150" t="s">
        <v>148</v>
      </c>
      <c r="C147" s="151" t="s">
        <v>148</v>
      </c>
      <c r="D147" s="152" t="s">
        <v>148</v>
      </c>
      <c r="E147" s="101"/>
      <c r="F147" s="102"/>
      <c r="G147" s="103"/>
    </row>
    <row r="148" spans="1:8" s="2" customFormat="1" ht="79.5" customHeight="1" x14ac:dyDescent="0.25">
      <c r="A148" s="97" t="s">
        <v>151</v>
      </c>
      <c r="B148" s="150" t="s">
        <v>154</v>
      </c>
      <c r="C148" s="151" t="s">
        <v>154</v>
      </c>
      <c r="D148" s="152" t="s">
        <v>154</v>
      </c>
      <c r="E148" s="101"/>
      <c r="F148" s="102"/>
      <c r="G148" s="103"/>
    </row>
    <row r="149" spans="1:8" s="2" customFormat="1" ht="45.75" customHeight="1" thickBot="1" x14ac:dyDescent="0.3">
      <c r="A149" s="98" t="s">
        <v>152</v>
      </c>
      <c r="B149" s="150" t="s">
        <v>288</v>
      </c>
      <c r="C149" s="151" t="s">
        <v>155</v>
      </c>
      <c r="D149" s="152" t="s">
        <v>155</v>
      </c>
      <c r="E149" s="44"/>
      <c r="F149" s="243"/>
      <c r="G149" s="244"/>
    </row>
    <row r="150" spans="1:8" s="3" customFormat="1" ht="5.0999999999999996" customHeight="1" x14ac:dyDescent="0.25">
      <c r="A150" s="5"/>
      <c r="B150" s="5"/>
      <c r="C150" s="5"/>
      <c r="D150" s="5"/>
      <c r="E150" s="7"/>
      <c r="F150" s="7"/>
      <c r="G150" s="28"/>
    </row>
    <row r="151" spans="1:8" s="2" customFormat="1" ht="20.100000000000001" customHeight="1" x14ac:dyDescent="0.25">
      <c r="A151" s="242" t="s">
        <v>56</v>
      </c>
      <c r="B151" s="242"/>
      <c r="C151" s="242"/>
      <c r="D151" s="242"/>
      <c r="E151" s="242"/>
      <c r="F151" s="242"/>
      <c r="G151" s="242"/>
      <c r="H151" s="208"/>
    </row>
    <row r="152" spans="1:8" s="2" customFormat="1" ht="4.5" customHeight="1" thickBot="1" x14ac:dyDescent="0.3">
      <c r="H152" s="208"/>
    </row>
    <row r="153" spans="1:8" s="2" customFormat="1" ht="80.25" customHeight="1" x14ac:dyDescent="0.25">
      <c r="A153" s="160" t="s">
        <v>61</v>
      </c>
      <c r="B153" s="161"/>
      <c r="C153" s="55"/>
      <c r="D153" s="55"/>
      <c r="E153" s="164" t="s">
        <v>57</v>
      </c>
      <c r="F153" s="165"/>
      <c r="G153" s="166"/>
      <c r="H153" s="208"/>
    </row>
    <row r="154" spans="1:8" s="3" customFormat="1" ht="29.25" customHeight="1" thickBot="1" x14ac:dyDescent="0.3">
      <c r="A154" s="162"/>
      <c r="B154" s="163"/>
      <c r="C154" s="127"/>
      <c r="D154" s="132"/>
      <c r="E154" s="128" t="s">
        <v>7</v>
      </c>
      <c r="F154" s="167" t="s">
        <v>30</v>
      </c>
      <c r="G154" s="168"/>
      <c r="H154" s="208"/>
    </row>
    <row r="155" spans="1:8" s="3" customFormat="1" ht="27" customHeight="1" x14ac:dyDescent="0.25">
      <c r="A155" s="133" t="s">
        <v>31</v>
      </c>
      <c r="B155" s="174" t="s">
        <v>59</v>
      </c>
      <c r="C155" s="175"/>
      <c r="D155" s="176"/>
      <c r="E155" s="129"/>
      <c r="F155" s="172"/>
      <c r="G155" s="173"/>
      <c r="H155" s="208"/>
    </row>
    <row r="156" spans="1:8" s="3" customFormat="1" ht="24.95" customHeight="1" x14ac:dyDescent="0.25">
      <c r="A156" s="134" t="s">
        <v>32</v>
      </c>
      <c r="B156" s="177" t="s">
        <v>58</v>
      </c>
      <c r="C156" s="178"/>
      <c r="D156" s="179"/>
      <c r="E156" s="125"/>
      <c r="F156" s="158"/>
      <c r="G156" s="159"/>
      <c r="H156" s="208"/>
    </row>
    <row r="157" spans="1:8" s="3" customFormat="1" ht="31.5" customHeight="1" x14ac:dyDescent="0.25">
      <c r="A157" s="134" t="s">
        <v>33</v>
      </c>
      <c r="B157" s="177" t="s">
        <v>78</v>
      </c>
      <c r="C157" s="178"/>
      <c r="D157" s="179"/>
      <c r="E157" s="125"/>
      <c r="F157" s="158"/>
      <c r="G157" s="159"/>
      <c r="H157" s="208"/>
    </row>
    <row r="158" spans="1:8" s="2" customFormat="1" ht="33" customHeight="1" x14ac:dyDescent="0.25">
      <c r="A158" s="134" t="s">
        <v>79</v>
      </c>
      <c r="B158" s="180" t="s">
        <v>80</v>
      </c>
      <c r="C158" s="158"/>
      <c r="D158" s="181"/>
      <c r="E158" s="125"/>
      <c r="F158" s="158"/>
      <c r="G158" s="159"/>
      <c r="H158" s="208"/>
    </row>
    <row r="159" spans="1:8" s="2" customFormat="1" ht="33" customHeight="1" x14ac:dyDescent="0.25">
      <c r="A159" s="135" t="s">
        <v>81</v>
      </c>
      <c r="B159" s="182" t="s">
        <v>270</v>
      </c>
      <c r="C159" s="183"/>
      <c r="D159" s="184"/>
      <c r="E159" s="125"/>
      <c r="F159" s="158"/>
      <c r="G159" s="159"/>
      <c r="H159" s="89"/>
    </row>
    <row r="160" spans="1:8" s="2" customFormat="1" ht="33" customHeight="1" x14ac:dyDescent="0.25">
      <c r="A160" s="135" t="s">
        <v>267</v>
      </c>
      <c r="B160" s="137" t="s">
        <v>290</v>
      </c>
      <c r="C160" s="138"/>
      <c r="D160" s="139"/>
      <c r="E160" s="125"/>
      <c r="F160" s="126"/>
      <c r="G160" s="130"/>
      <c r="H160" s="116"/>
    </row>
    <row r="161" spans="1:8" s="2" customFormat="1" ht="33" customHeight="1" x14ac:dyDescent="0.25">
      <c r="A161" s="135" t="s">
        <v>268</v>
      </c>
      <c r="B161" s="137" t="s">
        <v>291</v>
      </c>
      <c r="C161" s="138"/>
      <c r="D161" s="139"/>
      <c r="E161" s="125"/>
      <c r="F161" s="126"/>
      <c r="G161" s="130"/>
      <c r="H161" s="116"/>
    </row>
    <row r="162" spans="1:8" s="2" customFormat="1" ht="24" customHeight="1" x14ac:dyDescent="0.25">
      <c r="A162" s="136" t="s">
        <v>269</v>
      </c>
      <c r="B162" s="252" t="s">
        <v>292</v>
      </c>
      <c r="C162" s="253"/>
      <c r="D162" s="254"/>
      <c r="E162" s="125"/>
      <c r="F162" s="7"/>
      <c r="G162" s="131"/>
    </row>
    <row r="163" spans="1:8" s="2" customFormat="1" ht="20.100000000000001" customHeight="1" x14ac:dyDescent="0.25">
      <c r="A163" s="169" t="s">
        <v>15</v>
      </c>
      <c r="B163" s="169"/>
      <c r="C163" s="169"/>
      <c r="D163" s="169"/>
      <c r="E163" s="169"/>
      <c r="F163" s="169"/>
      <c r="G163" s="169"/>
    </row>
    <row r="164" spans="1:8" s="3" customFormat="1" ht="30" customHeight="1" x14ac:dyDescent="0.25">
      <c r="A164" s="5" t="s">
        <v>16</v>
      </c>
      <c r="B164" s="170" t="s">
        <v>50</v>
      </c>
      <c r="C164" s="170"/>
      <c r="D164" s="170"/>
      <c r="E164" s="170"/>
      <c r="F164" s="170"/>
      <c r="G164" s="170"/>
    </row>
    <row r="165" spans="1:8" s="30" customFormat="1" ht="30" customHeight="1" x14ac:dyDescent="0.25">
      <c r="A165" s="5" t="s">
        <v>34</v>
      </c>
      <c r="B165" s="170" t="s">
        <v>35</v>
      </c>
      <c r="C165" s="170"/>
      <c r="D165" s="170"/>
      <c r="E165" s="170"/>
      <c r="F165" s="170"/>
      <c r="G165" s="170"/>
    </row>
    <row r="166" spans="1:8" s="30" customFormat="1" ht="30" customHeight="1" x14ac:dyDescent="0.25">
      <c r="A166" s="171" t="s">
        <v>36</v>
      </c>
      <c r="B166" s="171"/>
      <c r="C166" s="171"/>
      <c r="D166" s="171"/>
      <c r="E166" s="171"/>
      <c r="F166" s="171"/>
      <c r="G166" s="3"/>
    </row>
    <row r="167" spans="1:8" s="2" customFormat="1" ht="24.95" customHeight="1" x14ac:dyDescent="0.25">
      <c r="A167" s="29" t="s">
        <v>37</v>
      </c>
      <c r="B167" s="66"/>
      <c r="C167" s="66"/>
      <c r="D167" s="66"/>
      <c r="E167" s="66"/>
      <c r="G167" s="30"/>
    </row>
    <row r="168" spans="1:8" s="2" customFormat="1" ht="24.95" customHeight="1" x14ac:dyDescent="0.25">
      <c r="A168" s="29" t="s">
        <v>38</v>
      </c>
      <c r="B168" s="67"/>
      <c r="C168" s="67"/>
      <c r="D168" s="67"/>
      <c r="E168" s="67"/>
      <c r="G168" s="30"/>
    </row>
    <row r="169" spans="1:8" s="2" customFormat="1" ht="24.95" customHeight="1" x14ac:dyDescent="0.25">
      <c r="A169" s="29" t="s">
        <v>39</v>
      </c>
      <c r="B169" s="67"/>
      <c r="C169" s="67"/>
      <c r="D169" s="67"/>
      <c r="E169" s="67"/>
      <c r="G169" s="30"/>
    </row>
    <row r="170" spans="1:8" s="3" customFormat="1" ht="24.95" customHeight="1" x14ac:dyDescent="0.25">
      <c r="A170" s="29" t="s">
        <v>40</v>
      </c>
      <c r="B170" s="67"/>
      <c r="C170" s="67"/>
      <c r="D170" s="67"/>
      <c r="E170" s="67"/>
      <c r="F170" s="2"/>
      <c r="G170" s="31"/>
    </row>
    <row r="171" spans="1:8" s="2" customFormat="1" ht="46.5" customHeight="1" x14ac:dyDescent="0.2">
      <c r="A171" s="11"/>
      <c r="B171" s="12"/>
      <c r="C171" s="12"/>
      <c r="D171" s="12"/>
      <c r="E171" s="12"/>
      <c r="G171" s="32"/>
    </row>
    <row r="172" spans="1:8" s="3" customFormat="1" ht="15" customHeight="1" x14ac:dyDescent="0.25">
      <c r="A172" s="156" t="s">
        <v>41</v>
      </c>
      <c r="B172" s="156"/>
      <c r="C172" s="156"/>
      <c r="D172" s="156"/>
      <c r="E172" s="156"/>
      <c r="F172" s="156"/>
      <c r="G172" s="156"/>
    </row>
    <row r="173" spans="1:8" s="2" customFormat="1" ht="36.75" customHeight="1" x14ac:dyDescent="0.25">
      <c r="A173" s="157" t="s">
        <v>53</v>
      </c>
      <c r="B173" s="157"/>
      <c r="C173" s="157"/>
      <c r="D173" s="157"/>
      <c r="E173" s="157"/>
      <c r="F173" s="157"/>
      <c r="G173" s="157"/>
    </row>
    <row r="174" spans="1:8" s="2" customFormat="1" ht="20.100000000000001" customHeight="1" x14ac:dyDescent="0.2">
      <c r="A174" s="1"/>
      <c r="B174" s="1"/>
      <c r="C174" s="1"/>
      <c r="D174" s="1"/>
      <c r="E174" s="8"/>
      <c r="F174" s="8"/>
    </row>
    <row r="175" spans="1:8" s="3" customFormat="1" ht="4.5" customHeight="1" x14ac:dyDescent="0.2">
      <c r="A175" s="1"/>
      <c r="B175" s="1"/>
      <c r="C175" s="1"/>
      <c r="D175" s="1"/>
      <c r="E175" s="8"/>
      <c r="F175" s="8"/>
      <c r="G175" s="2"/>
    </row>
    <row r="176" spans="1:8" s="3" customFormat="1" ht="20.100000000000001" customHeight="1" x14ac:dyDescent="0.25">
      <c r="A176" s="33" t="s">
        <v>42</v>
      </c>
      <c r="B176" s="52"/>
      <c r="C176" s="1"/>
      <c r="D176" s="1"/>
      <c r="E176" s="34" t="s">
        <v>43</v>
      </c>
      <c r="F176" s="153"/>
      <c r="G176" s="153"/>
    </row>
    <row r="177" spans="1:7" s="3" customFormat="1" ht="20.100000000000001" customHeight="1" x14ac:dyDescent="0.25">
      <c r="A177" s="48" t="s">
        <v>44</v>
      </c>
      <c r="B177" s="53"/>
      <c r="C177" s="1"/>
      <c r="D177" s="1"/>
      <c r="E177" s="35"/>
      <c r="F177" s="36"/>
      <c r="G177" s="36"/>
    </row>
    <row r="178" spans="1:7" ht="20.100000000000001" customHeight="1" x14ac:dyDescent="0.2">
      <c r="E178" s="37" t="s">
        <v>45</v>
      </c>
      <c r="F178" s="154"/>
      <c r="G178" s="154"/>
    </row>
    <row r="179" spans="1:7" s="2" customFormat="1" ht="20.100000000000001" customHeight="1" x14ac:dyDescent="0.2">
      <c r="A179" s="1"/>
      <c r="B179" s="1"/>
      <c r="C179" s="1"/>
      <c r="D179" s="1"/>
      <c r="E179" s="37" t="s">
        <v>46</v>
      </c>
      <c r="F179" s="155"/>
      <c r="G179" s="155"/>
    </row>
    <row r="180" spans="1:7" s="2" customFormat="1" ht="20.100000000000001" customHeight="1" x14ac:dyDescent="0.2">
      <c r="A180" s="1"/>
      <c r="B180" s="1"/>
      <c r="C180" s="1"/>
      <c r="D180" s="1"/>
      <c r="E180" s="38" t="s">
        <v>47</v>
      </c>
      <c r="F180" s="1"/>
    </row>
    <row r="181" spans="1:7" s="2" customFormat="1" ht="37.5" customHeight="1" x14ac:dyDescent="0.25"/>
    <row r="182" spans="1:7" s="2" customFormat="1" ht="24" customHeight="1" x14ac:dyDescent="0.25"/>
    <row r="183" spans="1:7" s="2" customFormat="1" ht="24" customHeight="1" x14ac:dyDescent="0.25"/>
    <row r="184" spans="1:7" s="2" customFormat="1" ht="24" customHeight="1" x14ac:dyDescent="0.25"/>
    <row r="185" spans="1:7" s="2" customFormat="1" ht="20.100000000000001" customHeight="1" x14ac:dyDescent="0.25"/>
    <row r="186" spans="1:7" s="2" customFormat="1" ht="20.100000000000001" customHeight="1" x14ac:dyDescent="0.25"/>
    <row r="187" spans="1:7" s="2" customFormat="1" ht="50.1" customHeight="1" x14ac:dyDescent="0.25"/>
    <row r="188" spans="1:7" s="2" customFormat="1" ht="43.5" customHeight="1" x14ac:dyDescent="0.25"/>
    <row r="189" spans="1:7" ht="24.75" customHeight="1" x14ac:dyDescent="0.2">
      <c r="A189" s="2"/>
      <c r="B189" s="2"/>
      <c r="C189" s="2"/>
      <c r="D189" s="2"/>
      <c r="E189" s="2"/>
      <c r="F189" s="2"/>
    </row>
    <row r="190" spans="1:7" x14ac:dyDescent="0.2">
      <c r="A190" s="2"/>
      <c r="B190" s="2"/>
      <c r="C190" s="2"/>
      <c r="D190" s="2"/>
      <c r="E190" s="2"/>
      <c r="F190" s="2"/>
    </row>
    <row r="191" spans="1:7" ht="20.100000000000001" customHeight="1" x14ac:dyDescent="0.2"/>
    <row r="192" spans="1:7" ht="4.5" customHeight="1" x14ac:dyDescent="0.2"/>
    <row r="193" ht="20.100000000000001" customHeight="1" x14ac:dyDescent="0.2"/>
    <row r="194" ht="20.100000000000001" customHeight="1" x14ac:dyDescent="0.2"/>
    <row r="195" ht="20.100000000000001" customHeight="1" x14ac:dyDescent="0.2"/>
  </sheetData>
  <mergeCells count="211">
    <mergeCell ref="F109:G109"/>
    <mergeCell ref="F65:G65"/>
    <mergeCell ref="F70:G70"/>
    <mergeCell ref="F71:G71"/>
    <mergeCell ref="F61:G61"/>
    <mergeCell ref="F79:G79"/>
    <mergeCell ref="F80:G80"/>
    <mergeCell ref="F42:G42"/>
    <mergeCell ref="F43:G43"/>
    <mergeCell ref="F44:G44"/>
    <mergeCell ref="F45:G45"/>
    <mergeCell ref="F46:G46"/>
    <mergeCell ref="F47:G47"/>
    <mergeCell ref="F48:G48"/>
    <mergeCell ref="F49:G49"/>
    <mergeCell ref="F83:G83"/>
    <mergeCell ref="F89:G89"/>
    <mergeCell ref="F90:G90"/>
    <mergeCell ref="F91:G91"/>
    <mergeCell ref="F92:G92"/>
    <mergeCell ref="F93:G93"/>
    <mergeCell ref="F94:G94"/>
    <mergeCell ref="F84:G84"/>
    <mergeCell ref="F85:G85"/>
    <mergeCell ref="F86:G86"/>
    <mergeCell ref="F87:G87"/>
    <mergeCell ref="F88:G88"/>
    <mergeCell ref="A151:G151"/>
    <mergeCell ref="F129:G129"/>
    <mergeCell ref="F143:G143"/>
    <mergeCell ref="F144:G144"/>
    <mergeCell ref="F149:G149"/>
    <mergeCell ref="B129:D129"/>
    <mergeCell ref="B143:D143"/>
    <mergeCell ref="B144:D144"/>
    <mergeCell ref="B138:D138"/>
    <mergeCell ref="B139:D139"/>
    <mergeCell ref="B140:D140"/>
    <mergeCell ref="B141:D141"/>
    <mergeCell ref="B142:D142"/>
    <mergeCell ref="F138:G138"/>
    <mergeCell ref="F139:G139"/>
    <mergeCell ref="F140:G140"/>
    <mergeCell ref="F141:G141"/>
    <mergeCell ref="F142:G142"/>
    <mergeCell ref="B149:D149"/>
    <mergeCell ref="B145:D145"/>
    <mergeCell ref="B146:D146"/>
    <mergeCell ref="B147:D147"/>
    <mergeCell ref="B116:D116"/>
    <mergeCell ref="B117:D117"/>
    <mergeCell ref="B119:D119"/>
    <mergeCell ref="A98:D99"/>
    <mergeCell ref="B100:D100"/>
    <mergeCell ref="B103:D103"/>
    <mergeCell ref="B104:D104"/>
    <mergeCell ref="B105:D105"/>
    <mergeCell ref="B106:D106"/>
    <mergeCell ref="B107:D107"/>
    <mergeCell ref="B108:D108"/>
    <mergeCell ref="B110:D110"/>
    <mergeCell ref="B111:D111"/>
    <mergeCell ref="B112:D112"/>
    <mergeCell ref="B113:D113"/>
    <mergeCell ref="B118:D118"/>
    <mergeCell ref="B109:D109"/>
    <mergeCell ref="B132:D132"/>
    <mergeCell ref="B133:D133"/>
    <mergeCell ref="B134:D134"/>
    <mergeCell ref="B135:D135"/>
    <mergeCell ref="B136:D136"/>
    <mergeCell ref="B137:D137"/>
    <mergeCell ref="A69:B69"/>
    <mergeCell ref="A89:B89"/>
    <mergeCell ref="F75:G75"/>
    <mergeCell ref="F107:G107"/>
    <mergeCell ref="F108:G108"/>
    <mergeCell ref="F110:G110"/>
    <mergeCell ref="F111:G111"/>
    <mergeCell ref="F100:G100"/>
    <mergeCell ref="F103:G103"/>
    <mergeCell ref="F104:G104"/>
    <mergeCell ref="A96:G96"/>
    <mergeCell ref="F101:G101"/>
    <mergeCell ref="F102:G102"/>
    <mergeCell ref="F106:G106"/>
    <mergeCell ref="A84:B84"/>
    <mergeCell ref="A75:B75"/>
    <mergeCell ref="F76:G76"/>
    <mergeCell ref="F77:G77"/>
    <mergeCell ref="B101:D101"/>
    <mergeCell ref="B102:D102"/>
    <mergeCell ref="F72:G72"/>
    <mergeCell ref="F78:G78"/>
    <mergeCell ref="F81:G81"/>
    <mergeCell ref="F82:G82"/>
    <mergeCell ref="H151:H158"/>
    <mergeCell ref="A3:G3"/>
    <mergeCell ref="A7:G7"/>
    <mergeCell ref="A8:G8"/>
    <mergeCell ref="A9:G9"/>
    <mergeCell ref="A11:G11"/>
    <mergeCell ref="A13:E13"/>
    <mergeCell ref="A33:G33"/>
    <mergeCell ref="A35:B36"/>
    <mergeCell ref="E35:G35"/>
    <mergeCell ref="F36:G36"/>
    <mergeCell ref="A22:G22"/>
    <mergeCell ref="B27:E27"/>
    <mergeCell ref="B28:E28"/>
    <mergeCell ref="A16:E16"/>
    <mergeCell ref="A17:E17"/>
    <mergeCell ref="A18:G18"/>
    <mergeCell ref="A19:G19"/>
    <mergeCell ref="A21:G21"/>
    <mergeCell ref="B114:D114"/>
    <mergeCell ref="B115:D115"/>
    <mergeCell ref="F51:G51"/>
    <mergeCell ref="F68:G68"/>
    <mergeCell ref="F69:G69"/>
    <mergeCell ref="A1:G1"/>
    <mergeCell ref="A12:E12"/>
    <mergeCell ref="A23:B23"/>
    <mergeCell ref="A26:B26"/>
    <mergeCell ref="F117:G117"/>
    <mergeCell ref="F112:G112"/>
    <mergeCell ref="F113:G113"/>
    <mergeCell ref="F114:G114"/>
    <mergeCell ref="F115:G115"/>
    <mergeCell ref="F116:G116"/>
    <mergeCell ref="A2:G2"/>
    <mergeCell ref="F105:G105"/>
    <mergeCell ref="A20:E20"/>
    <mergeCell ref="E98:G98"/>
    <mergeCell ref="F99:G99"/>
    <mergeCell ref="F73:G73"/>
    <mergeCell ref="F74:G74"/>
    <mergeCell ref="F38:G38"/>
    <mergeCell ref="A50:B50"/>
    <mergeCell ref="A37:B38"/>
    <mergeCell ref="F50:G50"/>
    <mergeCell ref="F62:G62"/>
    <mergeCell ref="F66:G66"/>
    <mergeCell ref="F67:G67"/>
    <mergeCell ref="A60:B60"/>
    <mergeCell ref="A39:B39"/>
    <mergeCell ref="F52:G52"/>
    <mergeCell ref="F53:G53"/>
    <mergeCell ref="F54:G54"/>
    <mergeCell ref="F60:G60"/>
    <mergeCell ref="F63:G63"/>
    <mergeCell ref="F64:G64"/>
    <mergeCell ref="C37:D37"/>
    <mergeCell ref="F40:G40"/>
    <mergeCell ref="F41:G41"/>
    <mergeCell ref="F39:G39"/>
    <mergeCell ref="F176:G176"/>
    <mergeCell ref="F178:G178"/>
    <mergeCell ref="F179:G179"/>
    <mergeCell ref="A172:G172"/>
    <mergeCell ref="A173:G173"/>
    <mergeCell ref="F158:G158"/>
    <mergeCell ref="A153:B154"/>
    <mergeCell ref="E153:G153"/>
    <mergeCell ref="F154:G154"/>
    <mergeCell ref="A163:G163"/>
    <mergeCell ref="B164:G164"/>
    <mergeCell ref="B165:G165"/>
    <mergeCell ref="A166:F166"/>
    <mergeCell ref="F155:G155"/>
    <mergeCell ref="F156:G156"/>
    <mergeCell ref="B155:D155"/>
    <mergeCell ref="B156:D156"/>
    <mergeCell ref="B158:D158"/>
    <mergeCell ref="B157:D157"/>
    <mergeCell ref="F157:G157"/>
    <mergeCell ref="B159:D159"/>
    <mergeCell ref="F159:G159"/>
    <mergeCell ref="F118:G118"/>
    <mergeCell ref="F121:G121"/>
    <mergeCell ref="F123:G123"/>
    <mergeCell ref="F124:G124"/>
    <mergeCell ref="F125:G125"/>
    <mergeCell ref="F126:G126"/>
    <mergeCell ref="F127:G127"/>
    <mergeCell ref="F122:G122"/>
    <mergeCell ref="F120:G120"/>
    <mergeCell ref="A94:B94"/>
    <mergeCell ref="B162:D162"/>
    <mergeCell ref="F128:G128"/>
    <mergeCell ref="F130:G130"/>
    <mergeCell ref="F131:G131"/>
    <mergeCell ref="F132:G132"/>
    <mergeCell ref="F133:G133"/>
    <mergeCell ref="F134:G134"/>
    <mergeCell ref="F135:G135"/>
    <mergeCell ref="F136:G136"/>
    <mergeCell ref="F137:G137"/>
    <mergeCell ref="B121:D121"/>
    <mergeCell ref="B122:D122"/>
    <mergeCell ref="B123:D123"/>
    <mergeCell ref="B124:D124"/>
    <mergeCell ref="B125:D125"/>
    <mergeCell ref="B126:D126"/>
    <mergeCell ref="B127:D127"/>
    <mergeCell ref="B120:D120"/>
    <mergeCell ref="B148:D148"/>
    <mergeCell ref="B128:D128"/>
    <mergeCell ref="B130:D130"/>
    <mergeCell ref="B131:D131"/>
    <mergeCell ref="F119:G119"/>
  </mergeCells>
  <phoneticPr fontId="14" type="noConversion"/>
  <conditionalFormatting sqref="B176:B177 B4:B5 B167:B170 E39:E94 E143:E149">
    <cfRule type="containsBlanks" dxfId="10" priority="30">
      <formula>LEN(TRIM(B4))=0</formula>
    </cfRule>
  </conditionalFormatting>
  <conditionalFormatting sqref="F178:G178">
    <cfRule type="containsBlanks" dxfId="9" priority="29">
      <formula>LEN(TRIM(F178))=0</formula>
    </cfRule>
  </conditionalFormatting>
  <conditionalFormatting sqref="F179:G179">
    <cfRule type="containsBlanks" dxfId="8" priority="28">
      <formula>LEN(TRIM(F179))=0</formula>
    </cfRule>
  </conditionalFormatting>
  <conditionalFormatting sqref="E100:E111 E120:E141">
    <cfRule type="containsBlanks" dxfId="7" priority="20">
      <formula>LEN(TRIM(E100))=0</formula>
    </cfRule>
  </conditionalFormatting>
  <conditionalFormatting sqref="E155">
    <cfRule type="containsBlanks" dxfId="6" priority="19">
      <formula>LEN(TRIM(E155))=0</formula>
    </cfRule>
  </conditionalFormatting>
  <conditionalFormatting sqref="E156:E157">
    <cfRule type="containsBlanks" dxfId="5" priority="18">
      <formula>LEN(TRIM(E156))=0</formula>
    </cfRule>
  </conditionalFormatting>
  <conditionalFormatting sqref="E158">
    <cfRule type="containsBlanks" dxfId="4" priority="16">
      <formula>LEN(TRIM(E158))=0</formula>
    </cfRule>
  </conditionalFormatting>
  <conditionalFormatting sqref="E38">
    <cfRule type="containsBlanks" dxfId="3" priority="5">
      <formula>LEN(TRIM(E38))=0</formula>
    </cfRule>
  </conditionalFormatting>
  <conditionalFormatting sqref="E159:E162">
    <cfRule type="containsBlanks" dxfId="2" priority="3">
      <formula>LEN(TRIM(E159))=0</formula>
    </cfRule>
  </conditionalFormatting>
  <conditionalFormatting sqref="E112:E119">
    <cfRule type="containsBlanks" dxfId="1" priority="2">
      <formula>LEN(TRIM(E112))=0</formula>
    </cfRule>
  </conditionalFormatting>
  <conditionalFormatting sqref="E142">
    <cfRule type="containsBlanks" dxfId="0" priority="1">
      <formula>LEN(TRIM(E142))=0</formula>
    </cfRule>
  </conditionalFormatting>
  <hyperlinks>
    <hyperlink ref="B149" r:id="rId1" tooltip="http://www.vusch.sk" display="http://www.vusch.sk/"/>
    <hyperlink ref="C149" r:id="rId2" tooltip="http://www.vusch.sk" display="http://www.vusch.sk/"/>
    <hyperlink ref="D149" r:id="rId3" tooltip="http://www.vusch.sk" display="http://www.vusch.sk/"/>
  </hyperlinks>
  <pageMargins left="0.7" right="0.7" top="0.97499999999999998" bottom="0.75" header="0.3" footer="0.3"/>
  <pageSetup paperSize="9" scale="50" fitToHeight="0" orientation="portrait" r:id="rId4"/>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70" max="8" man="1"/>
    <brk id="125" max="9" man="1"/>
    <brk id="150" max="8" man="1"/>
  </rowBreaks>
  <drawing r:id="rId5"/>
  <legacyDrawing r:id="rId6"/>
  <mc:AlternateContent xmlns:mc="http://schemas.openxmlformats.org/markup-compatibility/2006">
    <mc:Choice Requires="x14">
      <controls>
        <mc:AlternateContent xmlns:mc="http://schemas.openxmlformats.org/markup-compatibility/2006">
          <mc:Choice Requires="x14">
            <control shapeId="8195" r:id="rId7" name="Check Box 3">
              <controlPr defaultSize="0" autoFill="0" autoLine="0" autoPict="0">
                <anchor moveWithCells="1">
                  <from>
                    <xdr:col>0</xdr:col>
                    <xdr:colOff>628650</xdr:colOff>
                    <xdr:row>23</xdr:row>
                    <xdr:rowOff>0</xdr:rowOff>
                  </from>
                  <to>
                    <xdr:col>1</xdr:col>
                    <xdr:colOff>76200</xdr:colOff>
                    <xdr:row>23</xdr:row>
                    <xdr:rowOff>219075</xdr:rowOff>
                  </to>
                </anchor>
              </controlPr>
            </control>
          </mc:Choice>
        </mc:AlternateContent>
        <mc:AlternateContent xmlns:mc="http://schemas.openxmlformats.org/markup-compatibility/2006">
          <mc:Choice Requires="x14">
            <control shapeId="8196" r:id="rId8" name="Check Box 4">
              <controlPr defaultSize="0" autoFill="0" autoLine="0" autoPict="0">
                <anchor moveWithCells="1">
                  <from>
                    <xdr:col>0</xdr:col>
                    <xdr:colOff>628650</xdr:colOff>
                    <xdr:row>24</xdr:row>
                    <xdr:rowOff>9525</xdr:rowOff>
                  </from>
                  <to>
                    <xdr:col>1</xdr:col>
                    <xdr:colOff>76200</xdr:colOff>
                    <xdr:row>24</xdr:row>
                    <xdr:rowOff>228600</xdr:rowOff>
                  </to>
                </anchor>
              </controlPr>
            </control>
          </mc:Choice>
        </mc:AlternateContent>
        <mc:AlternateContent xmlns:mc="http://schemas.openxmlformats.org/markup-compatibility/2006">
          <mc:Choice Requires="x14">
            <control shapeId="8197" r:id="rId9" name="Check Box 5">
              <controlPr defaultSize="0" autoFill="0" autoLine="0" autoPict="0">
                <anchor moveWithCells="1">
                  <from>
                    <xdr:col>0</xdr:col>
                    <xdr:colOff>628650</xdr:colOff>
                    <xdr:row>29</xdr:row>
                    <xdr:rowOff>9525</xdr:rowOff>
                  </from>
                  <to>
                    <xdr:col>1</xdr:col>
                    <xdr:colOff>76200</xdr:colOff>
                    <xdr:row>29</xdr:row>
                    <xdr:rowOff>228600</xdr:rowOff>
                  </to>
                </anchor>
              </controlPr>
            </control>
          </mc:Choice>
        </mc:AlternateContent>
        <mc:AlternateContent xmlns:mc="http://schemas.openxmlformats.org/markup-compatibility/2006">
          <mc:Choice Requires="x14">
            <control shapeId="8198" r:id="rId10" name="Check Box 6">
              <controlPr defaultSize="0" autoFill="0" autoLine="0" autoPict="0">
                <anchor moveWithCells="1">
                  <from>
                    <xdr:col>0</xdr:col>
                    <xdr:colOff>628650</xdr:colOff>
                    <xdr:row>30</xdr:row>
                    <xdr:rowOff>0</xdr:rowOff>
                  </from>
                  <to>
                    <xdr:col>1</xdr:col>
                    <xdr:colOff>76200</xdr:colOff>
                    <xdr:row>30</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2-05-10T07:03:36Z</cp:lastPrinted>
  <dcterms:created xsi:type="dcterms:W3CDTF">2017-04-21T05:51:15Z</dcterms:created>
  <dcterms:modified xsi:type="dcterms:W3CDTF">2022-05-11T12:08:19Z</dcterms:modified>
</cp:coreProperties>
</file>